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4001\04_教育ビジョン・広報グループ\05_かながわ教育ビジョン\03_かながわ教育月間\01_かながわ教育月間\01_かながわ教育月間イベント照会\05_HP掲載\03_掲載（９月）\2509_起案②\"/>
    </mc:Choice>
  </mc:AlternateContent>
  <bookViews>
    <workbookView xWindow="240" yWindow="120" windowWidth="11712" windowHeight="7956" tabRatio="886" activeTab="6"/>
  </bookViews>
  <sheets>
    <sheet name="教育イベント一覧" sheetId="84" r:id="rId1"/>
    <sheet name="横浜市" sheetId="23" r:id="rId2"/>
    <sheet name="川崎市" sheetId="41" r:id="rId3"/>
    <sheet name="相模原市" sheetId="49" r:id="rId4"/>
    <sheet name="横須賀市" sheetId="53" r:id="rId5"/>
    <sheet name="平塚市" sheetId="54" r:id="rId6"/>
    <sheet name="鎌倉市" sheetId="86" r:id="rId7"/>
    <sheet name="藤沢市" sheetId="56" r:id="rId8"/>
    <sheet name="小田原市" sheetId="57" r:id="rId9"/>
    <sheet name="茅ヶ崎市" sheetId="58" r:id="rId10"/>
    <sheet name="逗子市" sheetId="59" r:id="rId11"/>
    <sheet name="三浦市" sheetId="60" r:id="rId12"/>
    <sheet name="厚木市" sheetId="62" r:id="rId13"/>
    <sheet name="大和市" sheetId="63" r:id="rId14"/>
    <sheet name="伊勢原市" sheetId="64" r:id="rId15"/>
    <sheet name="海老名市" sheetId="65" r:id="rId16"/>
    <sheet name="座間市" sheetId="66" r:id="rId17"/>
    <sheet name="南足柄市" sheetId="67" r:id="rId18"/>
    <sheet name="綾瀬市" sheetId="68" r:id="rId19"/>
    <sheet name="葉山町" sheetId="69" r:id="rId20"/>
    <sheet name="寒川町" sheetId="70" r:id="rId21"/>
    <sheet name="大磯町" sheetId="71" r:id="rId22"/>
    <sheet name="大井町" sheetId="74" r:id="rId23"/>
    <sheet name="山北町" sheetId="76" r:id="rId24"/>
    <sheet name="箱根町" sheetId="78" r:id="rId25"/>
    <sheet name="真鶴町" sheetId="79" r:id="rId26"/>
    <sheet name="湯河原町" sheetId="80" r:id="rId27"/>
    <sheet name="愛川町" sheetId="81" r:id="rId28"/>
    <sheet name="県内全域" sheetId="83" r:id="rId29"/>
  </sheets>
  <externalReferences>
    <externalReference r:id="rId30"/>
  </externalReferences>
  <definedNames>
    <definedName name="_xlnm._FilterDatabase" localSheetId="27" hidden="1">愛川町!$A$2:$N$16</definedName>
    <definedName name="_xlnm._FilterDatabase" localSheetId="1" hidden="1">横浜市!$A$2:$N$106</definedName>
    <definedName name="_xlnm._FilterDatabase" localSheetId="0" hidden="1">教育イベント一覧!$A$2:$N$535</definedName>
    <definedName name="_xlnm._FilterDatabase" localSheetId="28" hidden="1">県内全域!$A$2:$N$41</definedName>
    <definedName name="_xlnm._FilterDatabase" localSheetId="8" hidden="1">小田原市!$A$2:$N$32</definedName>
    <definedName name="_xlnm._FilterDatabase" localSheetId="3" hidden="1">相模原市!$A$2:$N$89</definedName>
    <definedName name="_xlnm._FilterDatabase" localSheetId="26" hidden="1">湯河原町!$A$2:$N$15</definedName>
    <definedName name="_xlnm._FilterDatabase" localSheetId="7" hidden="1">藤沢市!$A$2:$N$38</definedName>
    <definedName name="_xlnm.Print_Titles" localSheetId="1">横浜市!$2:$2</definedName>
    <definedName name="_xlnm.Print_Titles" localSheetId="0">教育イベント一覧!$2:$2</definedName>
  </definedNames>
  <calcPr calcId="162913"/>
</workbook>
</file>

<file path=xl/sharedStrings.xml><?xml version="1.0" encoding="utf-8"?>
<sst xmlns="http://schemas.openxmlformats.org/spreadsheetml/2006/main" count="13037" uniqueCount="2288">
  <si>
    <t>(1)市町村名</t>
    <rPh sb="3" eb="6">
      <t>シチョウソン</t>
    </rPh>
    <rPh sb="6" eb="7">
      <t>メイ</t>
    </rPh>
    <phoneticPr fontId="2"/>
  </si>
  <si>
    <t>平塚市</t>
  </si>
  <si>
    <t>藤沢市</t>
  </si>
  <si>
    <t>小田原市</t>
  </si>
  <si>
    <t>茅ヶ崎市</t>
  </si>
  <si>
    <t>逗子市</t>
  </si>
  <si>
    <t>三浦市</t>
  </si>
  <si>
    <t>厚木市</t>
  </si>
  <si>
    <t>大和市</t>
  </si>
  <si>
    <t>伊勢原市</t>
  </si>
  <si>
    <t>海老名市</t>
  </si>
  <si>
    <t>座間市</t>
  </si>
  <si>
    <t>南足柄市</t>
  </si>
  <si>
    <t>綾瀬市</t>
  </si>
  <si>
    <t>葉山町</t>
  </si>
  <si>
    <t>寒川町</t>
  </si>
  <si>
    <t>大磯町</t>
  </si>
  <si>
    <t>大井町</t>
  </si>
  <si>
    <t>山北町</t>
  </si>
  <si>
    <t>箱根町</t>
  </si>
  <si>
    <t>真鶴町</t>
  </si>
  <si>
    <t>湯河原町</t>
  </si>
  <si>
    <t>愛川町</t>
  </si>
  <si>
    <t>県内全域</t>
  </si>
  <si>
    <t>横浜市
鶴見区</t>
    <rPh sb="0" eb="3">
      <t>ヨコハマシ</t>
    </rPh>
    <phoneticPr fontId="2"/>
  </si>
  <si>
    <t>横浜市
西区</t>
    <rPh sb="0" eb="3">
      <t>ヨコハマシ</t>
    </rPh>
    <phoneticPr fontId="2"/>
  </si>
  <si>
    <t>横浜市
中区</t>
    <rPh sb="0" eb="3">
      <t>ヨコハマシ</t>
    </rPh>
    <phoneticPr fontId="2"/>
  </si>
  <si>
    <t>横浜市
港南区</t>
    <rPh sb="0" eb="3">
      <t>ヨコハマシ</t>
    </rPh>
    <phoneticPr fontId="2"/>
  </si>
  <si>
    <t>横浜市
保土ヶ谷区</t>
    <rPh sb="0" eb="3">
      <t>ヨコハマシ</t>
    </rPh>
    <phoneticPr fontId="2"/>
  </si>
  <si>
    <t>横浜市
旭区</t>
    <rPh sb="0" eb="3">
      <t>ヨコハマシ</t>
    </rPh>
    <phoneticPr fontId="2"/>
  </si>
  <si>
    <t>横浜市
金沢区</t>
    <rPh sb="0" eb="3">
      <t>ヨコハマシ</t>
    </rPh>
    <phoneticPr fontId="2"/>
  </si>
  <si>
    <t>横浜市
緑区</t>
    <rPh sb="0" eb="3">
      <t>ヨコハマシ</t>
    </rPh>
    <phoneticPr fontId="2"/>
  </si>
  <si>
    <t>横浜市
青葉区</t>
    <rPh sb="0" eb="3">
      <t>ヨコハマシ</t>
    </rPh>
    <phoneticPr fontId="2"/>
  </si>
  <si>
    <t>横浜市
都筑区</t>
    <rPh sb="0" eb="2">
      <t>ヨコハマ</t>
    </rPh>
    <rPh sb="2" eb="3">
      <t>シ</t>
    </rPh>
    <rPh sb="4" eb="6">
      <t>ツヅキ</t>
    </rPh>
    <phoneticPr fontId="2"/>
  </si>
  <si>
    <t>横浜市
戸塚区</t>
    <rPh sb="0" eb="3">
      <t>ヨコハマシ</t>
    </rPh>
    <phoneticPr fontId="2"/>
  </si>
  <si>
    <t>横浜市
泉区</t>
    <rPh sb="0" eb="3">
      <t>ヨコハマシ</t>
    </rPh>
    <phoneticPr fontId="2"/>
  </si>
  <si>
    <t>川崎市
多摩区</t>
    <rPh sb="0" eb="3">
      <t>カワサキシ</t>
    </rPh>
    <phoneticPr fontId="2"/>
  </si>
  <si>
    <t>川崎市
麻生区</t>
    <rPh sb="0" eb="3">
      <t>カワサキシ</t>
    </rPh>
    <phoneticPr fontId="2"/>
  </si>
  <si>
    <t>相模原市
南区</t>
    <phoneticPr fontId="2"/>
  </si>
  <si>
    <t>⑤スポーツ</t>
    <phoneticPr fontId="2"/>
  </si>
  <si>
    <t>④科学技術・学術</t>
    <phoneticPr fontId="2"/>
  </si>
  <si>
    <t>③文化</t>
    <phoneticPr fontId="2"/>
  </si>
  <si>
    <t>①教育（社会教育・生涯学習）</t>
    <phoneticPr fontId="2"/>
  </si>
  <si>
    <t>(6)開催場所
（施設名称）</t>
    <phoneticPr fontId="2"/>
  </si>
  <si>
    <t>(2)イベントの名称</t>
    <phoneticPr fontId="2"/>
  </si>
  <si>
    <t>(3)イベントの類型</t>
    <rPh sb="8" eb="10">
      <t>ルイケイ</t>
    </rPh>
    <phoneticPr fontId="2"/>
  </si>
  <si>
    <t>(5-1)
開催開始日</t>
    <phoneticPr fontId="2"/>
  </si>
  <si>
    <t>(5-2)
開催終了日</t>
    <phoneticPr fontId="2"/>
  </si>
  <si>
    <t>(9)参加対象・条件</t>
    <phoneticPr fontId="2"/>
  </si>
  <si>
    <t>(10)料金</t>
    <phoneticPr fontId="2"/>
  </si>
  <si>
    <t>(11)申込み</t>
    <rPh sb="4" eb="6">
      <t>モウシコミ</t>
    </rPh>
    <phoneticPr fontId="2"/>
  </si>
  <si>
    <t>(13)イベントURL</t>
    <phoneticPr fontId="2"/>
  </si>
  <si>
    <t>(7)アクセス
（最寄り駅等）</t>
    <phoneticPr fontId="2"/>
  </si>
  <si>
    <t>(8)主催機関</t>
    <phoneticPr fontId="2"/>
  </si>
  <si>
    <t>昭和医科大学横浜キャンパス公開講座</t>
    <rPh sb="0" eb="2">
      <t>ショウワ</t>
    </rPh>
    <rPh sb="2" eb="4">
      <t>イカ</t>
    </rPh>
    <rPh sb="4" eb="6">
      <t>ダイガク</t>
    </rPh>
    <rPh sb="7" eb="9">
      <t>ヨコハマコウカイコウザ</t>
    </rPh>
    <phoneticPr fontId="2"/>
  </si>
  <si>
    <t>①教育（社会教育・生涯学習）</t>
  </si>
  <si>
    <t>大学における教育・研究を社会に開放し文化の向上と保健医療の推進を目指して公開講座を開催します。</t>
    <rPh sb="0" eb="2">
      <t>ダイガク</t>
    </rPh>
    <rPh sb="6" eb="8">
      <t>キョウイク</t>
    </rPh>
    <rPh sb="9" eb="11">
      <t>ケンキュウ</t>
    </rPh>
    <rPh sb="12" eb="14">
      <t>シャカイ</t>
    </rPh>
    <rPh sb="15" eb="17">
      <t>カイホウ</t>
    </rPh>
    <rPh sb="18" eb="20">
      <t>ブンカ</t>
    </rPh>
    <rPh sb="21" eb="23">
      <t>コウジョウ</t>
    </rPh>
    <rPh sb="24" eb="28">
      <t>ホケンイリョウ</t>
    </rPh>
    <rPh sb="29" eb="31">
      <t>スイシン</t>
    </rPh>
    <rPh sb="32" eb="34">
      <t>メザ</t>
    </rPh>
    <rPh sb="36" eb="40">
      <t>コウカイコウザ</t>
    </rPh>
    <rPh sb="41" eb="43">
      <t>カイサイ</t>
    </rPh>
    <phoneticPr fontId="2"/>
  </si>
  <si>
    <t>昭和医科大学横浜キャンパス</t>
    <rPh sb="0" eb="2">
      <t>ショウワ</t>
    </rPh>
    <rPh sb="2" eb="4">
      <t>イカ</t>
    </rPh>
    <rPh sb="4" eb="6">
      <t>ダイガク</t>
    </rPh>
    <rPh sb="6" eb="8">
      <t>ヨコハマ</t>
    </rPh>
    <phoneticPr fontId="2"/>
  </si>
  <si>
    <t>東急田園都市線青葉台駅より「若葉台中央」行バスで「中山谷」下車</t>
    <rPh sb="0" eb="7">
      <t>トウキュウデンエントシセン</t>
    </rPh>
    <rPh sb="7" eb="11">
      <t>アオバダイエキ</t>
    </rPh>
    <rPh sb="14" eb="17">
      <t>ワカバダイ</t>
    </rPh>
    <rPh sb="17" eb="19">
      <t>チュウオウ</t>
    </rPh>
    <rPh sb="20" eb="21">
      <t>イキ</t>
    </rPh>
    <rPh sb="25" eb="27">
      <t>ナカヤマ</t>
    </rPh>
    <rPh sb="27" eb="28">
      <t>タニ</t>
    </rPh>
    <rPh sb="29" eb="31">
      <t>ゲシャ</t>
    </rPh>
    <phoneticPr fontId="2"/>
  </si>
  <si>
    <t>昭和医科大学学事部長津田校舎事務課</t>
    <rPh sb="0" eb="2">
      <t>ショウワ</t>
    </rPh>
    <rPh sb="2" eb="4">
      <t>イカ</t>
    </rPh>
    <rPh sb="4" eb="6">
      <t>ダイガク</t>
    </rPh>
    <rPh sb="6" eb="8">
      <t>ガクジ</t>
    </rPh>
    <rPh sb="8" eb="9">
      <t>ブ</t>
    </rPh>
    <rPh sb="9" eb="12">
      <t>ナガツダ</t>
    </rPh>
    <rPh sb="12" eb="14">
      <t>コウシャ</t>
    </rPh>
    <rPh sb="14" eb="16">
      <t>ジム</t>
    </rPh>
    <rPh sb="16" eb="17">
      <t>カ</t>
    </rPh>
    <phoneticPr fontId="2"/>
  </si>
  <si>
    <t>一般の方</t>
    <rPh sb="0" eb="2">
      <t>イッパン</t>
    </rPh>
    <rPh sb="3" eb="4">
      <t>カタ</t>
    </rPh>
    <phoneticPr fontId="2"/>
  </si>
  <si>
    <t>無料</t>
  </si>
  <si>
    <t>要</t>
  </si>
  <si>
    <t>https://www.showa-u.ac.jp/society/ext_lect/yokohama.html</t>
    <phoneticPr fontId="2"/>
  </si>
  <si>
    <t>後期生涯学習公開講座</t>
    <rPh sb="0" eb="2">
      <t>コウキ</t>
    </rPh>
    <rPh sb="2" eb="6">
      <t>ショウガイガクシュウ</t>
    </rPh>
    <rPh sb="6" eb="8">
      <t>コウカイ</t>
    </rPh>
    <rPh sb="8" eb="10">
      <t>コウザ</t>
    </rPh>
    <phoneticPr fontId="2"/>
  </si>
  <si>
    <t>初心者の方から経験者の方まで多くの皆様が楽しみながら美術・造形に親しみ、技術向上を目指せる内容です。経験豊な講師陣が丁寧に指導させていただきます。</t>
    <rPh sb="0" eb="3">
      <t>ショシンシャ</t>
    </rPh>
    <rPh sb="4" eb="5">
      <t>カタ</t>
    </rPh>
    <rPh sb="7" eb="10">
      <t>ケイケンシャ</t>
    </rPh>
    <rPh sb="11" eb="12">
      <t>カタ</t>
    </rPh>
    <rPh sb="14" eb="15">
      <t>オオ</t>
    </rPh>
    <rPh sb="17" eb="18">
      <t>ミナ</t>
    </rPh>
    <rPh sb="18" eb="19">
      <t>サマ</t>
    </rPh>
    <rPh sb="20" eb="21">
      <t>タノ</t>
    </rPh>
    <rPh sb="26" eb="28">
      <t>ビジュツ</t>
    </rPh>
    <rPh sb="29" eb="31">
      <t>ゾウケイ</t>
    </rPh>
    <rPh sb="32" eb="33">
      <t>シタ</t>
    </rPh>
    <rPh sb="36" eb="40">
      <t>ギジュツコウジョウ</t>
    </rPh>
    <rPh sb="41" eb="43">
      <t>メザ</t>
    </rPh>
    <rPh sb="45" eb="47">
      <t>ナイヨウ</t>
    </rPh>
    <rPh sb="50" eb="52">
      <t>ケイケン</t>
    </rPh>
    <rPh sb="52" eb="53">
      <t>ユタカ</t>
    </rPh>
    <rPh sb="54" eb="57">
      <t>コウシジン</t>
    </rPh>
    <rPh sb="58" eb="60">
      <t>テイネイ</t>
    </rPh>
    <rPh sb="61" eb="63">
      <t>シドウ</t>
    </rPh>
    <phoneticPr fontId="2"/>
  </si>
  <si>
    <t>学校法人トキワ松学園 横浜美術大学</t>
    <rPh sb="0" eb="2">
      <t>ガッコウ</t>
    </rPh>
    <rPh sb="2" eb="4">
      <t>ホウジン</t>
    </rPh>
    <rPh sb="7" eb="8">
      <t>マツ</t>
    </rPh>
    <rPh sb="8" eb="10">
      <t>ガクエン</t>
    </rPh>
    <rPh sb="11" eb="13">
      <t>ヨコハマ</t>
    </rPh>
    <rPh sb="13" eb="17">
      <t>ビジュツダイガク</t>
    </rPh>
    <phoneticPr fontId="2"/>
  </si>
  <si>
    <t>青葉台駅より東急バス「日体大行」横浜美術大学(すみよし台)下車</t>
    <rPh sb="0" eb="3">
      <t>アオバダイ</t>
    </rPh>
    <rPh sb="3" eb="4">
      <t>エキ</t>
    </rPh>
    <rPh sb="6" eb="8">
      <t>トウキュウ</t>
    </rPh>
    <rPh sb="11" eb="14">
      <t>ニッタイダイ</t>
    </rPh>
    <rPh sb="14" eb="15">
      <t>ユ</t>
    </rPh>
    <rPh sb="16" eb="18">
      <t>ヨコハマ</t>
    </rPh>
    <rPh sb="18" eb="22">
      <t>ビジュツダイガク</t>
    </rPh>
    <rPh sb="27" eb="28">
      <t>ダイ</t>
    </rPh>
    <rPh sb="29" eb="31">
      <t>ゲシャ</t>
    </rPh>
    <phoneticPr fontId="2"/>
  </si>
  <si>
    <t>横浜美術大学地域連携センター</t>
    <rPh sb="0" eb="2">
      <t>ヨコハマ</t>
    </rPh>
    <rPh sb="2" eb="6">
      <t>ビジュツダイガク</t>
    </rPh>
    <rPh sb="6" eb="8">
      <t>チイキ</t>
    </rPh>
    <rPh sb="8" eb="10">
      <t>レンケイ</t>
    </rPh>
    <phoneticPr fontId="2"/>
  </si>
  <si>
    <t>美術に関心がある人</t>
    <rPh sb="0" eb="2">
      <t>ビジュツ</t>
    </rPh>
    <rPh sb="3" eb="5">
      <t>カンシン</t>
    </rPh>
    <rPh sb="8" eb="9">
      <t>ヒト</t>
    </rPh>
    <phoneticPr fontId="2"/>
  </si>
  <si>
    <t>有料</t>
  </si>
  <si>
    <t>学校法人トキワ松学園 横浜美術大学地域連携センター</t>
    <rPh sb="0" eb="4">
      <t>ガッコウホウジン</t>
    </rPh>
    <rPh sb="7" eb="8">
      <t>マツ</t>
    </rPh>
    <rPh sb="8" eb="10">
      <t>ガクエン</t>
    </rPh>
    <rPh sb="11" eb="13">
      <t>ヨコハマ</t>
    </rPh>
    <rPh sb="13" eb="17">
      <t>ビジュツダイガク</t>
    </rPh>
    <rPh sb="17" eb="21">
      <t>チイキレンケイ</t>
    </rPh>
    <phoneticPr fontId="2"/>
  </si>
  <si>
    <t>https://www.yokohama-art.ac.jp/society</t>
  </si>
  <si>
    <t>洗足学園音楽大学演奏会</t>
    <rPh sb="0" eb="4">
      <t>センゾクガクエン</t>
    </rPh>
    <rPh sb="4" eb="8">
      <t>オンガクダイガク</t>
    </rPh>
    <rPh sb="8" eb="11">
      <t>エンソウカイ</t>
    </rPh>
    <phoneticPr fontId="2"/>
  </si>
  <si>
    <t>本学が設置している様々なコースの授業成果として、オーケストラ、吹奏楽などクラシックだけではなく、ジャズ、ロック、ミュージカルなど幅広いジャンルの演奏会を開催しています。</t>
    <rPh sb="0" eb="2">
      <t>ホンガク</t>
    </rPh>
    <rPh sb="3" eb="5">
      <t>セッチ</t>
    </rPh>
    <rPh sb="9" eb="11">
      <t>サマザマ</t>
    </rPh>
    <rPh sb="16" eb="20">
      <t>ジュギョウセイカ</t>
    </rPh>
    <rPh sb="31" eb="34">
      <t>スイソウガク</t>
    </rPh>
    <rPh sb="64" eb="66">
      <t>ハバヒロ</t>
    </rPh>
    <rPh sb="72" eb="75">
      <t>エンソウカイ</t>
    </rPh>
    <rPh sb="76" eb="78">
      <t>カイサイ</t>
    </rPh>
    <phoneticPr fontId="2"/>
  </si>
  <si>
    <t>洗足学園音楽大学</t>
    <rPh sb="0" eb="4">
      <t>センゾクガクエン</t>
    </rPh>
    <rPh sb="4" eb="8">
      <t>オンガクダイガク</t>
    </rPh>
    <phoneticPr fontId="2"/>
  </si>
  <si>
    <t>武蔵溝ノ口駅
溝の口駅</t>
    <rPh sb="0" eb="2">
      <t>ムサシ</t>
    </rPh>
    <rPh sb="2" eb="3">
      <t>ミゾ</t>
    </rPh>
    <rPh sb="4" eb="5">
      <t>クチ</t>
    </rPh>
    <rPh sb="5" eb="6">
      <t>エキ</t>
    </rPh>
    <rPh sb="7" eb="8">
      <t>ミゾ</t>
    </rPh>
    <rPh sb="9" eb="10">
      <t>クチ</t>
    </rPh>
    <rPh sb="10" eb="11">
      <t>エキ</t>
    </rPh>
    <phoneticPr fontId="2"/>
  </si>
  <si>
    <t>洗足学園音楽大学演奏支援センター</t>
    <rPh sb="0" eb="4">
      <t>センゾクガクエン</t>
    </rPh>
    <rPh sb="4" eb="8">
      <t>オンガクダイガク</t>
    </rPh>
    <rPh sb="8" eb="12">
      <t>エンソウシエン</t>
    </rPh>
    <phoneticPr fontId="2"/>
  </si>
  <si>
    <t>https://www.senzoku-concert.jp/</t>
    <phoneticPr fontId="2"/>
  </si>
  <si>
    <t>松陵祭</t>
    <rPh sb="0" eb="2">
      <t>ショウリョウ</t>
    </rPh>
    <rPh sb="2" eb="3">
      <t>サイ</t>
    </rPh>
    <phoneticPr fontId="2"/>
  </si>
  <si>
    <t>②教育（学校教育）</t>
  </si>
  <si>
    <t>学生たちの日頃の教育研究成果や課外活動の成果を発表し、地域社会との交流を深める場として開催されます。</t>
    <rPh sb="0" eb="2">
      <t>ガクセイ</t>
    </rPh>
    <rPh sb="5" eb="7">
      <t>ヒゴロ</t>
    </rPh>
    <rPh sb="8" eb="10">
      <t>キョウイク</t>
    </rPh>
    <rPh sb="10" eb="12">
      <t>ケンキュウ</t>
    </rPh>
    <rPh sb="12" eb="14">
      <t>セイカ</t>
    </rPh>
    <rPh sb="15" eb="19">
      <t>カガイカツドウ</t>
    </rPh>
    <rPh sb="20" eb="22">
      <t>セイカ</t>
    </rPh>
    <rPh sb="23" eb="25">
      <t>ハッピョウ</t>
    </rPh>
    <rPh sb="27" eb="31">
      <t>チイキシャカイ</t>
    </rPh>
    <rPh sb="33" eb="35">
      <t>コウリュウ</t>
    </rPh>
    <rPh sb="36" eb="37">
      <t>フカ</t>
    </rPh>
    <rPh sb="39" eb="40">
      <t>バ</t>
    </rPh>
    <rPh sb="43" eb="45">
      <t>カイサイ</t>
    </rPh>
    <phoneticPr fontId="2"/>
  </si>
  <si>
    <t>湘南工科大学</t>
    <rPh sb="0" eb="6">
      <t>ショウナンコウカダイガク</t>
    </rPh>
    <phoneticPr fontId="2"/>
  </si>
  <si>
    <t>辻堂駅 東改札南口から徒歩　約15分
辻堂駅 東改札南口からバス　約5分　「浜見山降車場」または「浜見山」下車
藤沢駅 北口からバス　約11分　「浜見山」下車</t>
    <rPh sb="0" eb="2">
      <t>ツジドウ</t>
    </rPh>
    <rPh sb="2" eb="3">
      <t>エキ</t>
    </rPh>
    <rPh sb="4" eb="5">
      <t>ヒガシ</t>
    </rPh>
    <rPh sb="5" eb="7">
      <t>カイサツ</t>
    </rPh>
    <rPh sb="7" eb="9">
      <t>ミナミグチ</t>
    </rPh>
    <rPh sb="11" eb="13">
      <t>トホ</t>
    </rPh>
    <rPh sb="14" eb="15">
      <t>ヤク</t>
    </rPh>
    <rPh sb="17" eb="18">
      <t>フン</t>
    </rPh>
    <rPh sb="19" eb="21">
      <t>ツジドウ</t>
    </rPh>
    <rPh sb="21" eb="22">
      <t>エキ</t>
    </rPh>
    <rPh sb="23" eb="24">
      <t>ヒガシ</t>
    </rPh>
    <rPh sb="24" eb="26">
      <t>カイサツ</t>
    </rPh>
    <rPh sb="26" eb="28">
      <t>ミナミグチ</t>
    </rPh>
    <rPh sb="33" eb="34">
      <t>ヤク</t>
    </rPh>
    <rPh sb="35" eb="36">
      <t>フン</t>
    </rPh>
    <rPh sb="38" eb="39">
      <t>ハマ</t>
    </rPh>
    <rPh sb="39" eb="41">
      <t>ミヤマ</t>
    </rPh>
    <rPh sb="41" eb="43">
      <t>コウシャ</t>
    </rPh>
    <rPh sb="43" eb="44">
      <t>ジョウ</t>
    </rPh>
    <rPh sb="49" eb="50">
      <t>ハマ</t>
    </rPh>
    <rPh sb="50" eb="52">
      <t>ミヤマ</t>
    </rPh>
    <rPh sb="53" eb="55">
      <t>ゲシャ</t>
    </rPh>
    <rPh sb="56" eb="58">
      <t>フジサワ</t>
    </rPh>
    <rPh sb="58" eb="59">
      <t>エキ</t>
    </rPh>
    <rPh sb="60" eb="62">
      <t>キタグチ</t>
    </rPh>
    <rPh sb="67" eb="68">
      <t>ヤク</t>
    </rPh>
    <rPh sb="70" eb="71">
      <t>フン</t>
    </rPh>
    <rPh sb="73" eb="74">
      <t>ハマ</t>
    </rPh>
    <rPh sb="74" eb="76">
      <t>ミヤマ</t>
    </rPh>
    <rPh sb="77" eb="79">
      <t>ゲシャ</t>
    </rPh>
    <phoneticPr fontId="2"/>
  </si>
  <si>
    <t>湘南工科大学
松稜祭実行委員会</t>
    <rPh sb="0" eb="6">
      <t>ショウナンコウカダイガク</t>
    </rPh>
    <phoneticPr fontId="2"/>
  </si>
  <si>
    <t>不要</t>
  </si>
  <si>
    <t>湘南工科大学
松稜祭実行委員会</t>
    <phoneticPr fontId="2"/>
  </si>
  <si>
    <t>https://shoryosai.shonan-it.ac.jp/</t>
    <phoneticPr fontId="2"/>
  </si>
  <si>
    <t>学術講演会</t>
    <rPh sb="0" eb="2">
      <t>ガクジュツ</t>
    </rPh>
    <rPh sb="2" eb="5">
      <t>コウエンカイ</t>
    </rPh>
    <phoneticPr fontId="2"/>
  </si>
  <si>
    <t>④科学技術・学術</t>
  </si>
  <si>
    <t>総合研究大学院大学統合進化科学研究センターは、地域社会との交流を深めるとともに、科学の新しい流れを創造する最前線の研究について、広く一般の方々に分かりやすく伝えていくことを目的に、11月3日文化の日に学術講演会を開催しております。</t>
    <rPh sb="0" eb="4">
      <t>ソウゴウケンキュウ</t>
    </rPh>
    <rPh sb="4" eb="6">
      <t>ダイガク</t>
    </rPh>
    <rPh sb="6" eb="7">
      <t>イン</t>
    </rPh>
    <rPh sb="7" eb="9">
      <t>ダイガク</t>
    </rPh>
    <rPh sb="9" eb="11">
      <t>トウゴウ</t>
    </rPh>
    <rPh sb="11" eb="13">
      <t>シンカ</t>
    </rPh>
    <rPh sb="13" eb="15">
      <t>カガク</t>
    </rPh>
    <rPh sb="15" eb="17">
      <t>ケンキュウ</t>
    </rPh>
    <phoneticPr fontId="2"/>
  </si>
  <si>
    <t>総合研究大学院大学
葉山キャンパス</t>
    <rPh sb="0" eb="4">
      <t>ソウゴウケンキュウ</t>
    </rPh>
    <rPh sb="4" eb="7">
      <t>ダイガクイン</t>
    </rPh>
    <rPh sb="7" eb="9">
      <t>ダイガク</t>
    </rPh>
    <rPh sb="10" eb="12">
      <t>ハヤマ</t>
    </rPh>
    <phoneticPr fontId="2"/>
  </si>
  <si>
    <t>①JR「逗子駅」東口
②京浜急行「逗子・葉山駅」南口
　 京急バス①番乗場より、逗16系統・逗26系統
 　「湘南国際村センター前」行き、終点「湘南国 
    際村センター前」下車
③京浜急行「汐入駅」
 　京急バス②番乗場より、汐16号系統
 　「湘南国際村センター前」行き、終点「湘南国
    際村センター前」下車</t>
    <rPh sb="4" eb="7">
      <t>ズシエキ</t>
    </rPh>
    <rPh sb="22" eb="23">
      <t>ミナミ</t>
    </rPh>
    <rPh sb="23" eb="24">
      <t>グチ</t>
    </rPh>
    <rPh sb="29" eb="31">
      <t>ケイキュウ</t>
    </rPh>
    <rPh sb="34" eb="35">
      <t>バン</t>
    </rPh>
    <rPh sb="35" eb="36">
      <t>ノ</t>
    </rPh>
    <rPh sb="36" eb="37">
      <t>バ</t>
    </rPh>
    <rPh sb="49" eb="51">
      <t>ケイトウ</t>
    </rPh>
    <rPh sb="64" eb="65">
      <t>ムラ</t>
    </rPh>
    <rPh sb="66" eb="67">
      <t>イ</t>
    </rPh>
    <rPh sb="67" eb="69">
      <t>シュウテン</t>
    </rPh>
    <rPh sb="72" eb="74">
      <t>ショウナン</t>
    </rPh>
    <rPh sb="87" eb="88">
      <t>マエ</t>
    </rPh>
    <rPh sb="97" eb="99">
      <t>ホンセン</t>
    </rPh>
    <phoneticPr fontId="2"/>
  </si>
  <si>
    <t>国立大学法人総合研究大学院大学
統合進化科学研究センター</t>
    <rPh sb="0" eb="4">
      <t>コクリツダイガク</t>
    </rPh>
    <rPh sb="4" eb="6">
      <t>ホウジン</t>
    </rPh>
    <rPh sb="6" eb="13">
      <t>ソウゴウケンキュウダイガクイン</t>
    </rPh>
    <rPh sb="13" eb="15">
      <t>ダイガク</t>
    </rPh>
    <rPh sb="16" eb="20">
      <t>トウゴウシンカ</t>
    </rPh>
    <rPh sb="20" eb="22">
      <t>カガク</t>
    </rPh>
    <rPh sb="22" eb="24">
      <t>ケンキュウ</t>
    </rPh>
    <phoneticPr fontId="2"/>
  </si>
  <si>
    <t>かながわの方をはじめ広く一般の方を対象に、科学の新しい流れに関心のある方ならどなたでも。</t>
    <rPh sb="5" eb="6">
      <t>カタ</t>
    </rPh>
    <rPh sb="10" eb="11">
      <t>ヒロ</t>
    </rPh>
    <rPh sb="12" eb="14">
      <t>イッパン</t>
    </rPh>
    <rPh sb="15" eb="16">
      <t>カタ</t>
    </rPh>
    <rPh sb="17" eb="19">
      <t>タイショウ</t>
    </rPh>
    <rPh sb="21" eb="23">
      <t>カガク</t>
    </rPh>
    <rPh sb="24" eb="25">
      <t>アタラ</t>
    </rPh>
    <rPh sb="27" eb="28">
      <t>ナガ</t>
    </rPh>
    <rPh sb="30" eb="32">
      <t>カンシン</t>
    </rPh>
    <rPh sb="35" eb="36">
      <t>カタ</t>
    </rPh>
    <phoneticPr fontId="2"/>
  </si>
  <si>
    <t>総合研究大学院大学
統合進化科学研究センター事務係</t>
    <rPh sb="0" eb="7">
      <t>ソウゴウケンキュウダイガクイン</t>
    </rPh>
    <rPh sb="7" eb="9">
      <t>ダイガク</t>
    </rPh>
    <rPh sb="10" eb="12">
      <t>トウゴウ</t>
    </rPh>
    <rPh sb="12" eb="18">
      <t>シンカカガクケンキュウ</t>
    </rPh>
    <rPh sb="22" eb="25">
      <t>ジムカカリ</t>
    </rPh>
    <phoneticPr fontId="2"/>
  </si>
  <si>
    <t>https://rcies.soken.ac.jp/index.html</t>
    <phoneticPr fontId="2"/>
  </si>
  <si>
    <t>横浜市
中区</t>
  </si>
  <si>
    <t>アンサンブルの夕べ</t>
  </si>
  <si>
    <t>③文化</t>
  </si>
  <si>
    <t>学内オーディションにより選ばれた学生たちによる室内楽コンサートです。多彩な楽器のアンサンブルを披露します。</t>
  </si>
  <si>
    <t>フェリス女学院大学山手キャンパス、フェリスホール</t>
  </si>
  <si>
    <t>石川町駅、元町・中華街駅</t>
  </si>
  <si>
    <t>フェリス女学院大学音楽学部</t>
  </si>
  <si>
    <t>女子中高生、大学受験生の女子およびその保護者、一般の方</t>
  </si>
  <si>
    <t>フェリス女学院大学音楽学部　演奏会室</t>
  </si>
  <si>
    <t>https://ferris-concert.studio.site</t>
  </si>
  <si>
    <t>フェリス女学院大学　チャペルコンサートⅣ～モーツァルト！モーツァルト！～</t>
  </si>
  <si>
    <t>音楽学部教員、卒業生、そしてPA（パフォーミング・アーツ）実技レッスン科目を履修する学生が出演します。お気軽にお聴きいただける、約60分のミニコンサートです。</t>
  </si>
  <si>
    <t>フェリス女学院大学緑園キャンパス　チャペル</t>
  </si>
  <si>
    <t>緑園都市駅</t>
  </si>
  <si>
    <t>https://ferris-concert.studio.site/posts/251010chapel</t>
    <phoneticPr fontId="9"/>
  </si>
  <si>
    <t>オーケストラ協演の夕べ</t>
  </si>
  <si>
    <t>学内オーディションにより選ばれた学生がソリストとしてオーケストラと協演します。大学・大学院での学びの集大成となる舞台です。</t>
  </si>
  <si>
    <t>女子中高生、、大学受験生の女子およびその保護者、一般の方</t>
  </si>
  <si>
    <t>一般の方</t>
    <phoneticPr fontId="2"/>
  </si>
  <si>
    <t>不要</t>
    <phoneticPr fontId="2"/>
  </si>
  <si>
    <t>防災訓練</t>
    <phoneticPr fontId="2"/>
  </si>
  <si>
    <t>非常災害対策本部設置基準の震度６弱の地震発生を想定した防災訓練
キャンパス全体で総合訓練を，学院等を中心に個別訓練を実施</t>
    <rPh sb="27" eb="29">
      <t>ボウサイ</t>
    </rPh>
    <rPh sb="29" eb="31">
      <t>クンレン</t>
    </rPh>
    <rPh sb="46" eb="49">
      <t>ガクイントウ</t>
    </rPh>
    <phoneticPr fontId="2"/>
  </si>
  <si>
    <t>2025/11/12</t>
    <phoneticPr fontId="2"/>
  </si>
  <si>
    <t>国立大学法人東京科学大学すずかけ台キャンパス</t>
    <rPh sb="0" eb="2">
      <t>コクリツ</t>
    </rPh>
    <rPh sb="2" eb="4">
      <t>ダイガク</t>
    </rPh>
    <rPh sb="4" eb="6">
      <t>ホウジン</t>
    </rPh>
    <rPh sb="6" eb="8">
      <t>トウキョウ</t>
    </rPh>
    <rPh sb="8" eb="10">
      <t>カガク</t>
    </rPh>
    <rPh sb="10" eb="12">
      <t>ダイガク</t>
    </rPh>
    <rPh sb="16" eb="17">
      <t>ダイ</t>
    </rPh>
    <phoneticPr fontId="2"/>
  </si>
  <si>
    <t>すずかけ台駅</t>
    <rPh sb="4" eb="5">
      <t>ダイ</t>
    </rPh>
    <rPh sb="5" eb="6">
      <t>エキ</t>
    </rPh>
    <phoneticPr fontId="2"/>
  </si>
  <si>
    <t>国立大学法人東京科学大学</t>
    <rPh sb="0" eb="6">
      <t>コクリツダイガクホウジン</t>
    </rPh>
    <rPh sb="6" eb="8">
      <t>トウキョウ</t>
    </rPh>
    <rPh sb="8" eb="10">
      <t>カガク</t>
    </rPh>
    <rPh sb="10" eb="12">
      <t>ダイガク</t>
    </rPh>
    <phoneticPr fontId="2"/>
  </si>
  <si>
    <t>教職員・学生，
学外者（見学のみ）</t>
    <rPh sb="0" eb="3">
      <t>キョウショクイン</t>
    </rPh>
    <rPh sb="4" eb="6">
      <t>ガクセイ</t>
    </rPh>
    <rPh sb="8" eb="11">
      <t>ガクガイシャ</t>
    </rPh>
    <rPh sb="12" eb="14">
      <t>ケンガク</t>
    </rPh>
    <phoneticPr fontId="2"/>
  </si>
  <si>
    <t>国立大学法人東京科学大学総務企画部すずかけ台総務課</t>
    <rPh sb="0" eb="6">
      <t>コクリツダイガクホウジン</t>
    </rPh>
    <rPh sb="6" eb="8">
      <t>トウキョウ</t>
    </rPh>
    <rPh sb="8" eb="10">
      <t>カガク</t>
    </rPh>
    <rPh sb="10" eb="12">
      <t>ダイガク</t>
    </rPh>
    <rPh sb="12" eb="14">
      <t>ソウム</t>
    </rPh>
    <rPh sb="14" eb="16">
      <t>キカク</t>
    </rPh>
    <rPh sb="16" eb="17">
      <t>ブ</t>
    </rPh>
    <rPh sb="21" eb="22">
      <t>ダイ</t>
    </rPh>
    <rPh sb="22" eb="25">
      <t>ソウムカ</t>
    </rPh>
    <phoneticPr fontId="2"/>
  </si>
  <si>
    <t>一般</t>
    <rPh sb="0" eb="2">
      <t>イッパン</t>
    </rPh>
    <phoneticPr fontId="2"/>
  </si>
  <si>
    <t>理化学研究所・ 
横浜市立大学
一般公開</t>
    <rPh sb="0" eb="6">
      <t>リカガクケンキュウショ</t>
    </rPh>
    <rPh sb="16" eb="20">
      <t>イッパンコウカイ</t>
    </rPh>
    <phoneticPr fontId="2"/>
  </si>
  <si>
    <t>普段は入ることのできない研究施設等を公開し、研究活動や成果、最新の動向を広くご紹介します。
研究者による講演会やセミナー、体験プログラム等の企画を通して、最先端の科学を身近に感じて楽しんでいただくイベントです。</t>
    <rPh sb="3" eb="4">
      <t>ハイ</t>
    </rPh>
    <rPh sb="16" eb="17">
      <t>ナド</t>
    </rPh>
    <phoneticPr fontId="2"/>
  </si>
  <si>
    <t>理化学研究所
横浜キャンパス、
横浜市立大学
鶴見キャンパス</t>
  </si>
  <si>
    <t>JR鶴見線鶴見小野駅徒歩15分又は
臨港バス「理研・市大大学院前」バス停下車すぐ</t>
    <rPh sb="15" eb="16">
      <t>マタ</t>
    </rPh>
    <phoneticPr fontId="2"/>
  </si>
  <si>
    <t>公立大学法人
横浜市立大学、
国立研究開発法人
理化学研究所
共催</t>
  </si>
  <si>
    <t>事前来場登録（先着）をされた方、2,000名程度。</t>
    <rPh sb="7" eb="9">
      <t>センチャク</t>
    </rPh>
    <rPh sb="21" eb="22">
      <t>ナ</t>
    </rPh>
    <rPh sb="22" eb="24">
      <t>テイド</t>
    </rPh>
    <phoneticPr fontId="2"/>
  </si>
  <si>
    <t>横浜市立大学
鶴見キャンパス
一般公開事務局</t>
  </si>
  <si>
    <t>横浜市立大学木原生物学研究所　舞岡研究所開設30周年記念　市民講座（100周年事業「歴史を知る講演会」共催）</t>
    <rPh sb="0" eb="6">
      <t>ヨコハマシリツダイガク</t>
    </rPh>
    <rPh sb="6" eb="14">
      <t>キハラセイブツガクケンキュウジョ</t>
    </rPh>
    <rPh sb="29" eb="33">
      <t>シミンコウザ</t>
    </rPh>
    <phoneticPr fontId="2"/>
  </si>
  <si>
    <t>横浜市立大学木原生物学研究所では、自然科学をはじめとした学びのきっかけとしてさまざまなトピックの市民講座を開催しています。</t>
  </si>
  <si>
    <t>横浜市立大学木原生物学研究所（舞岡キャンパス）</t>
    <rPh sb="0" eb="6">
      <t>ヨコハマシリツダイガク</t>
    </rPh>
    <rPh sb="6" eb="14">
      <t>キハラセイブツガクケンキュウジョ</t>
    </rPh>
    <rPh sb="15" eb="17">
      <t>マイオカ</t>
    </rPh>
    <phoneticPr fontId="2"/>
  </si>
  <si>
    <t>舞岡駅</t>
    <rPh sb="0" eb="2">
      <t>マイオカ</t>
    </rPh>
    <rPh sb="2" eb="3">
      <t>エキ</t>
    </rPh>
    <phoneticPr fontId="2"/>
  </si>
  <si>
    <t>横浜市立大学木原生物学研究所</t>
    <rPh sb="0" eb="14">
      <t>ヨコハマシリツダイガクキハラセイブツガクケンキュウジョ</t>
    </rPh>
    <phoneticPr fontId="2"/>
  </si>
  <si>
    <t>どなたでもご参加いただけます</t>
    <rPh sb="6" eb="8">
      <t>サンカ</t>
    </rPh>
    <phoneticPr fontId="2"/>
  </si>
  <si>
    <t>無料</t>
    <rPh sb="0" eb="2">
      <t>ムリョウ</t>
    </rPh>
    <phoneticPr fontId="2"/>
  </si>
  <si>
    <t>横浜市立大学木原生物学研究所事務室</t>
    <rPh sb="0" eb="14">
      <t>ヨコハマシリツダイガクキハラセイブツガクケンキュウジョ</t>
    </rPh>
    <rPh sb="14" eb="17">
      <t>ジムシツ</t>
    </rPh>
    <phoneticPr fontId="2"/>
  </si>
  <si>
    <t>https://www.yokohama-cu.ac.jp/kihara/event/index.html</t>
  </si>
  <si>
    <t>横浜市立大学エクステンション講座「横浜を拓いた男、高島嘉右衛門の物語」</t>
    <rPh sb="0" eb="6">
      <t>ヨコハマシリツダイガク</t>
    </rPh>
    <rPh sb="14" eb="16">
      <t>コウザ</t>
    </rPh>
    <phoneticPr fontId="2"/>
  </si>
  <si>
    <t>高島嘉右衛門は、横浜海面埋立(鉄道築堤)事業を請け負い、新橋～横浜間に鉄道が開業しました。また、横浜の伊勢山下に、洋式学校である高島学校を創設し、さらに、ガス事業を創業し、横浜の馬車道にガス灯が点灯しました。そして、横浜の大綱山(高島台)に隠遁(いんとん)し、『高島易断』を刊行しました。
横浜を拓いた男、高島嘉右衛門の物語をひも解いてみましょう。</t>
  </si>
  <si>
    <t>横浜市立大学みなとみらいサテライトキャンパス</t>
    <rPh sb="0" eb="6">
      <t>ヨコハマシリツダイガク</t>
    </rPh>
    <phoneticPr fontId="2"/>
  </si>
  <si>
    <t>桜木町駅
みなとみらい駅</t>
    <rPh sb="0" eb="3">
      <t>サクラギチョウ</t>
    </rPh>
    <rPh sb="3" eb="4">
      <t>エキ</t>
    </rPh>
    <rPh sb="11" eb="12">
      <t>エキ</t>
    </rPh>
    <phoneticPr fontId="2"/>
  </si>
  <si>
    <t>横浜市立大学地域貢献センター</t>
    <rPh sb="0" eb="6">
      <t>ヨコハマシリツダイガク</t>
    </rPh>
    <rPh sb="6" eb="8">
      <t>チイキ</t>
    </rPh>
    <rPh sb="8" eb="10">
      <t>コウケン</t>
    </rPh>
    <phoneticPr fontId="2"/>
  </si>
  <si>
    <t>横浜市立大学地域貢献センター</t>
    <rPh sb="0" eb="6">
      <t>ヨコハマシリツダイガク</t>
    </rPh>
    <rPh sb="6" eb="10">
      <t>チイキコウケン</t>
    </rPh>
    <phoneticPr fontId="2"/>
  </si>
  <si>
    <t>https://ssl.smart-academy.net/ycu/course/detail/789/</t>
  </si>
  <si>
    <t>横浜市立大学エクステンション講座「西洋音楽史の断片より」</t>
    <rPh sb="0" eb="6">
      <t>ヨコハマシリツダイガク</t>
    </rPh>
    <rPh sb="14" eb="16">
      <t>コウザ</t>
    </rPh>
    <phoneticPr fontId="2"/>
  </si>
  <si>
    <t>本講座では、西洋音楽の歴史において、生活と文化のなかの音楽の一側面を取り上げます。コンサート文化っていつからあったのだろう?社会の中で音楽がになった役割は?などなど、音楽の社会的・文化的一面を、バッハ、ベートーヴェン、ショパン、リスト、チャイコフスキーなどの名曲と共にお話します。</t>
  </si>
  <si>
    <t>https://ssl.smart-academy.net/ycu/course/detail/802/</t>
  </si>
  <si>
    <t>横浜市立大学エクステンション講座「ナチズムの歴史を考える」</t>
    <rPh sb="0" eb="6">
      <t>ヨコハマシリツダイガク</t>
    </rPh>
    <rPh sb="14" eb="16">
      <t>コウザ</t>
    </rPh>
    <phoneticPr fontId="2"/>
  </si>
  <si>
    <t>ドイツにおけるナチ党の独裁体制は、侵略戦争を起こして占領地で数多くの非人道的行為を行うほか、自国の内外においてさまざまなかたちで重大な人権侵害を引き起こしました。その中には、、ホロコーストと呼ばれるユダヤ人の大量虐殺も含まれます。そのようなナチズムの歴史を知り、その原因を探りつつ、また、ナチズムという過去に対して、現代のドイツで政治と文化がどのように向き合おうとしているのかを知る機会を提供します。</t>
  </si>
  <si>
    <t>一般・高校生</t>
    <rPh sb="0" eb="2">
      <t>イッパン</t>
    </rPh>
    <rPh sb="3" eb="6">
      <t>コウコウセイ</t>
    </rPh>
    <phoneticPr fontId="2"/>
  </si>
  <si>
    <t>https://ssl.smart-academy.net/ycu/course/detail/810/</t>
  </si>
  <si>
    <t>横浜市立大学エクステンション講座「古事記神話」</t>
    <rPh sb="0" eb="6">
      <t>ヨコハマシリツダイガク</t>
    </rPh>
    <rPh sb="14" eb="16">
      <t>コウザ</t>
    </rPh>
    <phoneticPr fontId="2"/>
  </si>
  <si>
    <t>本講座では、日本最古の典籍である『古事記』の上巻に記された「国譲り」(国つ神が天つ神に葦原中国を譲る物語)の後半を主な対象とします。この神話は、古代日本の歴史、信仰、生命観など多岐にわたる要素を内包しているため、必要に応じて語釈を検討し、『日本書紀』との比較も行います。これらの作業を通じて、受講者が『古事記』上巻に記された神話についてより深い理解を得ることを目指します。講義は日本語で行います。</t>
  </si>
  <si>
    <t>横浜市立大学金沢八景キャンパス</t>
    <rPh sb="0" eb="6">
      <t>ヨコハマシリツダイガク</t>
    </rPh>
    <rPh sb="6" eb="10">
      <t>カナザワハッケイ</t>
    </rPh>
    <phoneticPr fontId="2"/>
  </si>
  <si>
    <t>金沢八景駅</t>
    <rPh sb="0" eb="5">
      <t>カナザワハッケイエキ</t>
    </rPh>
    <phoneticPr fontId="2"/>
  </si>
  <si>
    <t>https://ssl.smart-academy.net/ycu/course/detail/805/</t>
  </si>
  <si>
    <t>横浜市立大学エクステンション講座「総合講義「データサイエンス入門」（録画配信）」</t>
    <rPh sb="0" eb="6">
      <t>ヨコハマシリツダイガク</t>
    </rPh>
    <rPh sb="14" eb="16">
      <t>コウザ</t>
    </rPh>
    <phoneticPr fontId="2"/>
  </si>
  <si>
    <t>本学データサイエンス学部の1年生を主な対象として開講している「総合講義(データサイエンス入門)」をエクステンション講座として開放します。取り上げるトピックは確率・統計を含む数学の基礎、社会調査、生物・医療、マーケティング、人工知能、ビッグデータなど多岐にわたります。データサイエンス学部の専任教員が担当する15回の録画を公開します。</t>
  </si>
  <si>
    <t>オンライン</t>
  </si>
  <si>
    <t>https://ssl.smart-academy.net/ycu/course/detail/792/</t>
  </si>
  <si>
    <t>肝疾患コーディネーターフォローアップ研修会</t>
    <rPh sb="0" eb="3">
      <t>カンシッカン</t>
    </rPh>
    <rPh sb="18" eb="21">
      <t>ケンシュウカイ</t>
    </rPh>
    <phoneticPr fontId="2"/>
  </si>
  <si>
    <t>肝疾患コーディネーターを対象に、更新のためのフォローアップセミナーを行います。</t>
    <rPh sb="0" eb="3">
      <t>カンシッカン</t>
    </rPh>
    <rPh sb="12" eb="14">
      <t>タイショウ</t>
    </rPh>
    <rPh sb="16" eb="18">
      <t>コウシン</t>
    </rPh>
    <rPh sb="34" eb="35">
      <t>オコナ</t>
    </rPh>
    <phoneticPr fontId="2"/>
  </si>
  <si>
    <t>オンライン配信</t>
    <rPh sb="5" eb="7">
      <t>ハイシン</t>
    </rPh>
    <phoneticPr fontId="2"/>
  </si>
  <si>
    <t>神奈川県/横浜市立大学附属病院 国際臨床肝疾患センター</t>
    <rPh sb="5" eb="13">
      <t>ヨコハマシリツダイガクフゾク</t>
    </rPh>
    <rPh sb="13" eb="15">
      <t>ビョウイン</t>
    </rPh>
    <rPh sb="16" eb="20">
      <t>コクサイリンショウ</t>
    </rPh>
    <rPh sb="20" eb="23">
      <t>カンシッカン</t>
    </rPh>
    <phoneticPr fontId="2"/>
  </si>
  <si>
    <t>肝疾患コーディネーター</t>
    <rPh sb="0" eb="3">
      <t>カンシッカン</t>
    </rPh>
    <phoneticPr fontId="2"/>
  </si>
  <si>
    <t>横浜市立大学附属病院 医学・病院企画担当</t>
    <rPh sb="0" eb="10">
      <t>ヨコハマシリツダイガクフゾクビョウイン</t>
    </rPh>
    <rPh sb="11" eb="13">
      <t>イガク</t>
    </rPh>
    <rPh sb="14" eb="16">
      <t>ビョウイン</t>
    </rPh>
    <rPh sb="16" eb="20">
      <t>キカクタントウ</t>
    </rPh>
    <phoneticPr fontId="2"/>
  </si>
  <si>
    <t>https://www.yokohama-cu.ac.jp/fukuhp/section/other_sections/kanshikkan/index.html</t>
  </si>
  <si>
    <t>オンライン</t>
    <phoneticPr fontId="2"/>
  </si>
  <si>
    <t>本厚木駅</t>
    <rPh sb="0" eb="4">
      <t>ホンアツギエキ</t>
    </rPh>
    <phoneticPr fontId="2"/>
  </si>
  <si>
    <t>不要</t>
    <rPh sb="0" eb="2">
      <t>フヨウ</t>
    </rPh>
    <phoneticPr fontId="2"/>
  </si>
  <si>
    <t>公開講座</t>
    <rPh sb="0" eb="4">
      <t>コウカイコウザ</t>
    </rPh>
    <phoneticPr fontId="2"/>
  </si>
  <si>
    <t>①教育（社会教育・生涯学習）
②教育（学校教育）</t>
  </si>
  <si>
    <t>東京工芸大学では、一般の方向けに公開講座を毎年開催しております。
ぜひこの機会に、東京工芸大学の学びの世界を体験してください。</t>
    <phoneticPr fontId="2"/>
  </si>
  <si>
    <t>東京工芸大学
厚木キャンパス</t>
    <phoneticPr fontId="2"/>
  </si>
  <si>
    <t>東京工芸大学</t>
    <rPh sb="0" eb="6">
      <t>トウキョウコウゲイダイガク</t>
    </rPh>
    <phoneticPr fontId="2"/>
  </si>
  <si>
    <t>東京工芸大学の教育・研究に関心のある人</t>
  </si>
  <si>
    <t>東京工芸大学　庶務課</t>
    <rPh sb="0" eb="6">
      <t>トウキョウコウゲイダイガク</t>
    </rPh>
    <rPh sb="7" eb="10">
      <t>ショムカ</t>
    </rPh>
    <phoneticPr fontId="2"/>
  </si>
  <si>
    <t>https://www.t-kougei.ac.jp/activity/extension/notice/</t>
    <phoneticPr fontId="2"/>
  </si>
  <si>
    <t>関東学院大学　
2025　秋学期　公開講座</t>
    <rPh sb="0" eb="6">
      <t>カントウガクインダイガク</t>
    </rPh>
    <rPh sb="13" eb="16">
      <t>アキガッキ</t>
    </rPh>
    <rPh sb="17" eb="19">
      <t>コウカイ</t>
    </rPh>
    <rPh sb="19" eb="21">
      <t>コウザ</t>
    </rPh>
    <phoneticPr fontId="2"/>
  </si>
  <si>
    <t>関東学院大学社会連携センターでは、「開かれた大学」を目指し地域住民の皆様方に大学施設を開放して様々な講座を開講しています。文化･教養･語学･健康･スポーツ･保育講座など様々な種類の講座を秋学期に開講しています。</t>
    <phoneticPr fontId="2"/>
  </si>
  <si>
    <t>関東学院大学
  横浜・金沢八景キャンパス
　横浜・関内キャンパス</t>
    <rPh sb="0" eb="6">
      <t>カントウガクインダイガク</t>
    </rPh>
    <rPh sb="9" eb="11">
      <t>ヨコハマ</t>
    </rPh>
    <rPh sb="12" eb="16">
      <t>カナザワハッケイ</t>
    </rPh>
    <rPh sb="23" eb="25">
      <t>ヨコハマ</t>
    </rPh>
    <rPh sb="26" eb="28">
      <t>カンナイ</t>
    </rPh>
    <phoneticPr fontId="2"/>
  </si>
  <si>
    <t xml:space="preserve">金沢八景駅（京急）
関内駅（JR、横浜市営地下鉄）
</t>
    <rPh sb="0" eb="5">
      <t>カナザワハッケイエキ</t>
    </rPh>
    <rPh sb="6" eb="8">
      <t>ケイキュウ</t>
    </rPh>
    <rPh sb="10" eb="12">
      <t>カンナイ</t>
    </rPh>
    <rPh sb="12" eb="13">
      <t>エキ</t>
    </rPh>
    <rPh sb="17" eb="24">
      <t>ヨコハマシエイチカテツ</t>
    </rPh>
    <phoneticPr fontId="2"/>
  </si>
  <si>
    <t>関東学院大学
社会連携センター</t>
    <rPh sb="0" eb="6">
      <t>カントウガクインダイガク</t>
    </rPh>
    <rPh sb="7" eb="11">
      <t>シャカイレンケイ</t>
    </rPh>
    <phoneticPr fontId="2"/>
  </si>
  <si>
    <t>各講座内容に関心があり、学習意欲のある方</t>
    <rPh sb="0" eb="1">
      <t>カク</t>
    </rPh>
    <rPh sb="1" eb="3">
      <t>コウザ</t>
    </rPh>
    <rPh sb="3" eb="5">
      <t>ナイヨウ</t>
    </rPh>
    <rPh sb="6" eb="8">
      <t>カンシン</t>
    </rPh>
    <rPh sb="12" eb="16">
      <t>ガクシュウイヨク</t>
    </rPh>
    <rPh sb="19" eb="20">
      <t>カタ</t>
    </rPh>
    <phoneticPr fontId="2"/>
  </si>
  <si>
    <t>関東学院大学
社会連携センター</t>
    <phoneticPr fontId="2"/>
  </si>
  <si>
    <t>https://univ.kanto-gakuin.ac.jp/education/open-lecture/information.html</t>
    <phoneticPr fontId="2"/>
  </si>
  <si>
    <t>日本国際教育学会では、第３６回大会を開催いたします。同学会では、「公開シンポジウム」を開催し、「アジア諸国における生涯学習の空間活用」についてそれぞれの分野の第一線で活動する方の事例発表と意見交換を予定しています。具体的には、横須賀市の高校での教育実践、横須賀市生涯学習センターの取り組みとともに、日本への示唆としてタイと韓国の事例を取り上げ、検討します。</t>
    <phoneticPr fontId="2"/>
  </si>
  <si>
    <t>関東学院大学金沢八景キャンパス3号館201室</t>
    <rPh sb="0" eb="6">
      <t>カントウ</t>
    </rPh>
    <rPh sb="6" eb="10">
      <t xml:space="preserve">カナザワハッケイ </t>
    </rPh>
    <rPh sb="16" eb="18">
      <t xml:space="preserve">ゴウカン </t>
    </rPh>
    <rPh sb="21" eb="22">
      <t xml:space="preserve">シツ </t>
    </rPh>
    <phoneticPr fontId="2"/>
  </si>
  <si>
    <t>金沢八景</t>
    <rPh sb="0" eb="4">
      <t>カナザワ</t>
    </rPh>
    <phoneticPr fontId="2"/>
  </si>
  <si>
    <t>日本国際教育学会・関東学院大学 国際文化学部(呉世蓮 実行委員長)</t>
    <rPh sb="0" eb="2">
      <t xml:space="preserve">ニホン </t>
    </rPh>
    <rPh sb="2" eb="6">
      <t>コクサイキョウイク</t>
    </rPh>
    <rPh sb="6" eb="8">
      <t xml:space="preserve">ガッカイ </t>
    </rPh>
    <rPh sb="9" eb="15">
      <t>カントウ</t>
    </rPh>
    <rPh sb="16" eb="22">
      <t>コクサイブン</t>
    </rPh>
    <rPh sb="23" eb="24">
      <t>ゴ</t>
    </rPh>
    <rPh sb="24" eb="25">
      <t xml:space="preserve">ヨ </t>
    </rPh>
    <rPh sb="25" eb="26">
      <t xml:space="preserve">ハス </t>
    </rPh>
    <rPh sb="27" eb="29">
      <t xml:space="preserve">ジッコウ </t>
    </rPh>
    <rPh sb="29" eb="32">
      <t xml:space="preserve">イインチョウ </t>
    </rPh>
    <phoneticPr fontId="2"/>
  </si>
  <si>
    <t>社会教育・生涯学習、横須賀市、韓国、タイの教育やまちづくりに興味のある方</t>
    <rPh sb="0" eb="4">
      <t xml:space="preserve">シャカイキョウイク </t>
    </rPh>
    <rPh sb="5" eb="9">
      <t>ショウガイ</t>
    </rPh>
    <rPh sb="10" eb="14">
      <t xml:space="preserve">ヨコスカシ </t>
    </rPh>
    <rPh sb="21" eb="23">
      <t xml:space="preserve">キョウイクヤ </t>
    </rPh>
    <rPh sb="30" eb="32">
      <t xml:space="preserve">キョウミノアルカタ </t>
    </rPh>
    <phoneticPr fontId="2"/>
  </si>
  <si>
    <t>日本国際教育学会　第36回研究大会実行委員会（関東学院大学 国際文化学部 呉世蓮実行委員長）</t>
    <rPh sb="21" eb="22">
      <t xml:space="preserve">カイ </t>
    </rPh>
    <rPh sb="22" eb="23">
      <t>_x0000__x0015__x0001__x0003_</t>
    </rPh>
    <rPh sb="23" eb="29">
      <t>_x0016__x0001__x0007__x0017_</t>
    </rPh>
    <rPh sb="30" eb="36">
      <t>_x0006__x000B__x001E__x0006__x0011_%</t>
    </rPh>
    <rPh sb="37" eb="38">
      <t>_x0001__x0013_</t>
    </rPh>
    <rPh sb="38" eb="39">
      <t>&amp;_x0001_</t>
    </rPh>
    <rPh sb="39" eb="40">
      <t>_x0015_'_x0001_</t>
    </rPh>
    <rPh sb="40" eb="45">
      <t/>
    </rPh>
    <phoneticPr fontId="2"/>
  </si>
  <si>
    <t xml:space="preserve">https://jiesofficial.com/ </t>
    <phoneticPr fontId="2"/>
  </si>
  <si>
    <t>公開講座「「図書館の自由に関する宣言」を読み解く」</t>
    <rPh sb="0" eb="4">
      <t>コウカイコウザ</t>
    </rPh>
    <phoneticPr fontId="2"/>
  </si>
  <si>
    <t>八洲学園大学</t>
    <rPh sb="0" eb="6">
      <t>ヤシマガクエンダイガク</t>
    </rPh>
    <phoneticPr fontId="2"/>
  </si>
  <si>
    <t>興味関心のある方</t>
    <rPh sb="0" eb="2">
      <t>キョウミ</t>
    </rPh>
    <rPh sb="2" eb="4">
      <t>カンシン</t>
    </rPh>
    <rPh sb="7" eb="8">
      <t>カタ</t>
    </rPh>
    <phoneticPr fontId="2"/>
  </si>
  <si>
    <t>八洲学園大学 公開講座担当</t>
    <rPh sb="0" eb="6">
      <t>ヤシマガクエンダイガク</t>
    </rPh>
    <rPh sb="7" eb="11">
      <t>コウカイコウザ</t>
    </rPh>
    <rPh sb="11" eb="13">
      <t>タントウ</t>
    </rPh>
    <phoneticPr fontId="2"/>
  </si>
  <si>
    <t>公開講座「著作権法入門講座」</t>
    <rPh sb="0" eb="4">
      <t>コウカイコウザ</t>
    </rPh>
    <phoneticPr fontId="2"/>
  </si>
  <si>
    <t>公開講座「体調をととのえる」</t>
    <rPh sb="0" eb="4">
      <t>コウカイコウザ</t>
    </rPh>
    <phoneticPr fontId="2"/>
  </si>
  <si>
    <t>公開講座「司書のための英語おはなし会の企画・運営講座　初級」</t>
    <rPh sb="0" eb="4">
      <t>コウカイコウザ</t>
    </rPh>
    <phoneticPr fontId="2"/>
  </si>
  <si>
    <t>公開講座「野生動物とどう向き合うか？―共生社会の実現に向けて―」</t>
    <rPh sb="0" eb="4">
      <t>コウカイコウザ</t>
    </rPh>
    <phoneticPr fontId="2"/>
  </si>
  <si>
    <t>公開講座「社会保障を学びましょう・社会保障の基礎知識」</t>
    <rPh sb="0" eb="4">
      <t>コウカイコウザ</t>
    </rPh>
    <phoneticPr fontId="2"/>
  </si>
  <si>
    <t>公開講座「幼児教育の開祖 F. フレーベル教育論」</t>
    <rPh sb="0" eb="2">
      <t>コウカイ</t>
    </rPh>
    <rPh sb="2" eb="4">
      <t>コウザ</t>
    </rPh>
    <rPh sb="5" eb="7">
      <t>ヨウジ</t>
    </rPh>
    <rPh sb="7" eb="9">
      <t>キョウイク</t>
    </rPh>
    <rPh sb="10" eb="12">
      <t>カイソ</t>
    </rPh>
    <rPh sb="21" eb="24">
      <t>キョウイクロン</t>
    </rPh>
    <phoneticPr fontId="2"/>
  </si>
  <si>
    <t>相模原市
南区</t>
  </si>
  <si>
    <t>女子美術大学・女子美術大学短期大学部　助手展2025</t>
    <rPh sb="0" eb="6">
      <t>・</t>
    </rPh>
    <phoneticPr fontId="2"/>
  </si>
  <si>
    <t>本学各研究室の共同の取組みとして助手による、芸術・デザイン全般にわたる作品・研究成果を展示します。　　</t>
    <phoneticPr fontId="2"/>
  </si>
  <si>
    <t>女子美アートミュージアム</t>
    <phoneticPr fontId="2"/>
  </si>
  <si>
    <t>相模大野駅／古淵駅よりバス</t>
    <rPh sb="0" eb="3">
      <t>コブチエキ</t>
    </rPh>
    <phoneticPr fontId="2"/>
  </si>
  <si>
    <t>女子美術大学・女子美術大学短期大学部 助手会</t>
    <rPh sb="0" eb="1">
      <t>ジュツ</t>
    </rPh>
    <phoneticPr fontId="2"/>
  </si>
  <si>
    <t>無料</t>
    <rPh sb="0" eb="1">
      <t>ムリョウ</t>
    </rPh>
    <phoneticPr fontId="2"/>
  </si>
  <si>
    <t>https://www.joshibi.net/museum/jam/2025/Josyu.html</t>
    <phoneticPr fontId="2"/>
  </si>
  <si>
    <t>女子美染織コレクション展Part13インドネシアの染織品[前期展示]</t>
    <rPh sb="0" eb="1">
      <t>ジョシビジュツダイガク</t>
    </rPh>
    <phoneticPr fontId="2"/>
  </si>
  <si>
    <t>本学所蔵の染織コレクションのうち、インドネシアのバティック（ろうけつ染め）、イカット（絣）などをご紹介します。</t>
    <rPh sb="0" eb="1">
      <t>ホンガクショゾウノセンショクコレクションノ</t>
    </rPh>
    <phoneticPr fontId="2"/>
  </si>
  <si>
    <t>女子美術大学、女子美術大学美術館</t>
    <rPh sb="0" eb="1">
      <t>ジュツ</t>
    </rPh>
    <phoneticPr fontId="2"/>
  </si>
  <si>
    <t>https://www.joshibi.net/museum/jam/2025/Sensyoku2025.html</t>
    <phoneticPr fontId="2"/>
  </si>
  <si>
    <t>明治学院プラチナカレッジ</t>
    <rPh sb="0" eb="2">
      <t>メイジ</t>
    </rPh>
    <rPh sb="2" eb="4">
      <t>ガクイン</t>
    </rPh>
    <phoneticPr fontId="2"/>
  </si>
  <si>
    <t>情報科学を背景に急成長した「人工知能」という人間が、この社会に加わろうとしています。今回の連続講義では、この仲間の力をより良い社会のためにどう活かしていこうとするのか、最前線の研究の一端を分かりやすく紹介します。</t>
    <phoneticPr fontId="2"/>
  </si>
  <si>
    <t>明治学院大学横浜校舎（対面開催）</t>
    <rPh sb="0" eb="2">
      <t>メイジ</t>
    </rPh>
    <rPh sb="2" eb="4">
      <t>ガクイン</t>
    </rPh>
    <rPh sb="4" eb="6">
      <t>ダイガク</t>
    </rPh>
    <rPh sb="6" eb="8">
      <t>ヨコハマ</t>
    </rPh>
    <rPh sb="8" eb="10">
      <t>コウシャ</t>
    </rPh>
    <rPh sb="11" eb="13">
      <t>タイメン</t>
    </rPh>
    <rPh sb="13" eb="15">
      <t>カイサイ</t>
    </rPh>
    <phoneticPr fontId="2"/>
  </si>
  <si>
    <t>JR戸塚駅
からバスで12分</t>
    <rPh sb="2" eb="4">
      <t>トツカ</t>
    </rPh>
    <rPh sb="4" eb="5">
      <t>エキ</t>
    </rPh>
    <rPh sb="13" eb="14">
      <t>フン</t>
    </rPh>
    <phoneticPr fontId="2"/>
  </si>
  <si>
    <t>明治学院大学学長室社会連携課</t>
    <rPh sb="0" eb="6">
      <t>メイジガクインダイガク</t>
    </rPh>
    <rPh sb="6" eb="8">
      <t>ガクチョウ</t>
    </rPh>
    <rPh sb="8" eb="9">
      <t>シツ</t>
    </rPh>
    <rPh sb="9" eb="14">
      <t>シャカイレンケイカ</t>
    </rPh>
    <phoneticPr fontId="2"/>
  </si>
  <si>
    <t>明治学院大学学長室社会連携課</t>
    <rPh sb="6" eb="8">
      <t>ガクチョウ</t>
    </rPh>
    <phoneticPr fontId="2"/>
  </si>
  <si>
    <t>https://www.meijigakuin.ac.jp/about/activities/regionalalliances/platinum_college/2025/series_yokohama.html</t>
    <phoneticPr fontId="2"/>
  </si>
  <si>
    <t>TOKAI グローカルフェスタ 2025</t>
    <phoneticPr fontId="2"/>
  </si>
  <si>
    <t>近隣の子どもから大人まですべての世代の方々との交流と、大学の「知」を還元すること目的に、平塚市・秦野市・伊勢原市・中井町・根室市と連携した、大学を地域住民に開放するオープンキャンパス型のイベントです。自治体とその関係団体がさまざまなコンテンツで「グローバル」で「ローカル」な1日をお届けします。</t>
    <rPh sb="0" eb="2">
      <t>キンリン</t>
    </rPh>
    <rPh sb="3" eb="4">
      <t>コ</t>
    </rPh>
    <rPh sb="8" eb="10">
      <t>オトナ</t>
    </rPh>
    <rPh sb="16" eb="18">
      <t>セダイ</t>
    </rPh>
    <rPh sb="19" eb="21">
      <t>カタガタ</t>
    </rPh>
    <rPh sb="23" eb="25">
      <t>コウリュウ</t>
    </rPh>
    <rPh sb="27" eb="29">
      <t>ダイガク</t>
    </rPh>
    <rPh sb="31" eb="32">
      <t>チ</t>
    </rPh>
    <rPh sb="34" eb="36">
      <t>カンゲン</t>
    </rPh>
    <rPh sb="40" eb="42">
      <t>モクテキ</t>
    </rPh>
    <rPh sb="44" eb="47">
      <t>ヒラツカシ</t>
    </rPh>
    <rPh sb="48" eb="51">
      <t>ハダノシ</t>
    </rPh>
    <rPh sb="52" eb="56">
      <t>イセハラシ</t>
    </rPh>
    <rPh sb="57" eb="60">
      <t>ナカイマチ</t>
    </rPh>
    <rPh sb="61" eb="64">
      <t>ネムロシ</t>
    </rPh>
    <rPh sb="65" eb="67">
      <t>レンケイ</t>
    </rPh>
    <rPh sb="70" eb="72">
      <t>ダイガク</t>
    </rPh>
    <rPh sb="73" eb="75">
      <t>チイキ</t>
    </rPh>
    <rPh sb="75" eb="77">
      <t>ジュウミン</t>
    </rPh>
    <rPh sb="78" eb="80">
      <t>カイホウ</t>
    </rPh>
    <rPh sb="91" eb="92">
      <t>ガタ</t>
    </rPh>
    <rPh sb="100" eb="103">
      <t>ジチタイ</t>
    </rPh>
    <rPh sb="106" eb="108">
      <t>カンケイ</t>
    </rPh>
    <rPh sb="108" eb="110">
      <t>ダンタイ</t>
    </rPh>
    <rPh sb="138" eb="139">
      <t>ニチ</t>
    </rPh>
    <rPh sb="141" eb="142">
      <t>トド</t>
    </rPh>
    <phoneticPr fontId="2"/>
  </si>
  <si>
    <t>東海大学湘南キャンパス</t>
    <rPh sb="0" eb="4">
      <t>ト</t>
    </rPh>
    <rPh sb="4" eb="6">
      <t>ショウナン</t>
    </rPh>
    <phoneticPr fontId="2"/>
  </si>
  <si>
    <t>東海大学前駅</t>
    <rPh sb="0" eb="4">
      <t>ト</t>
    </rPh>
    <rPh sb="4" eb="5">
      <t>マエ</t>
    </rPh>
    <rPh sb="5" eb="6">
      <t>エキ</t>
    </rPh>
    <phoneticPr fontId="2"/>
  </si>
  <si>
    <t>東海大学</t>
    <rPh sb="0" eb="4">
      <t>ト</t>
    </rPh>
    <phoneticPr fontId="2"/>
  </si>
  <si>
    <t>東海大学学長室（地域連携担当）</t>
    <rPh sb="0" eb="4">
      <t>ト</t>
    </rPh>
    <rPh sb="4" eb="7">
      <t>ガ</t>
    </rPh>
    <rPh sb="8" eb="12">
      <t>チイキレンケイ</t>
    </rPh>
    <rPh sb="12" eb="14">
      <t>タントウ</t>
    </rPh>
    <phoneticPr fontId="2"/>
  </si>
  <si>
    <t>https://www.u-tokai.ac.jp/collaboration/local/</t>
    <phoneticPr fontId="2"/>
  </si>
  <si>
    <t>オンライン講座「障がいのある方のライフステージ～子ども期から老年期まで～」</t>
  </si>
  <si>
    <t>星槎大学附属エクステンションセンターが主催するオンライン講座です。本講座は、星槎大学の教員を講師に、発達障がいのある方の子ども期から成人期、老年期までのライフステージを通じて、直面する課題やライフイベントを捉え、支援や教育のあり方を受講者と共に考えていく機会にしていきます。</t>
  </si>
  <si>
    <t>オンライン（zoom）</t>
  </si>
  <si>
    <t>オンラインのためナシ</t>
  </si>
  <si>
    <t>星槎大学附属エクステンションセンター事務局</t>
  </si>
  <si>
    <t>一般参加希望者どなたでも</t>
  </si>
  <si>
    <t>seisakyusyu@seisa.ac.jp（星槎大学附属エクステンションセンター事務局）</t>
  </si>
  <si>
    <t>https://seisa.ac.jp/</t>
  </si>
  <si>
    <t>横浜市
旭区</t>
  </si>
  <si>
    <t>第11回　SEISA Africa Asia Bridge（SAAB）</t>
  </si>
  <si>
    <t>星槎グループが主催する、アフリカとアジアの子ども・若者がオンラインとオフラインでつながり、交流・学び合いながらSDGsや多文化共生を考える国際学習イベントです。</t>
  </si>
  <si>
    <t>メイン会場（対面）：学校法人 星槎 星槎高等学校
札幌会場：星槎札幌もみじキャンパス
オンライン会場：SEISA Africa Asia Bridge 特設サイト</t>
  </si>
  <si>
    <t xml:space="preserve">星槎高等学校：横浜市旭区若葉台4-35-1
（JR横浜線「十日市場駅」 → 横浜市営バス 若葉台中央行に乗車（約10分） → 「星槎高校前」バス停下車 徒歩約1分）
星槎札幌もみじキャンパス：札幌市厚別区もみじ台北5-12-1
（JR 新札幌駅 からバスで「もみじ台西2丁目」下車、徒歩5分） </t>
  </si>
  <si>
    <t>SEISA Africa Asia Bridge 実行委員会、横浜市国際局</t>
  </si>
  <si>
    <t>第11回 星槎箱根フェスティバル</t>
  </si>
  <si>
    <t>地域の活性化と、星槎箱根キャンパスの魅力を発信するためのお祭りです。　
参加者は、地元の特産品や美味しい食べ物を楽しむことができるほか、展示やワークショップを通じて地域の文化・活動を知ることができます。</t>
  </si>
  <si>
    <t>星槎箱根キャンパス （箱根町仙石原 817-255）</t>
  </si>
  <si>
    <t>箱根登山鉄道「箱根湯本駅」から箱根登山バス［湖尻・桃源台 行き］に乗車し、
「仙石案内所前」または「仙石原文化センター前」バス停で下車し、そこから徒歩約5分</t>
  </si>
  <si>
    <t>星槎箱根仙石原総合型スポーツクラブ（共催：児童虐待防止全国ネットワーク）</t>
  </si>
  <si>
    <t>星槎箱根キャンパス（星槎箱根仙石原総合型スポーツクラブ）</t>
  </si>
  <si>
    <t>山川菊栄『おんな二代の記』を読む</t>
  </si>
  <si>
    <t>前期講座、『武家の女性』の続編となりますが、初めての方も歓迎します。山川菊栄は大正・昭和の社会運動家として知られていますが、卓越した文筆家でもあります。明治初年から敗戦後まで、彼女とその母が何を経験したか、生き生きかつ楽しい筆つかいを通じて学んでゆきましょう。
本講座はディスカッションを取り入れたゼミナール形式となります。講師、受講生間双方向のやり取りを大切にし、学びを深めていきます。</t>
    <phoneticPr fontId="2"/>
  </si>
  <si>
    <t>神奈川大学みなとみらいキャンパス</t>
    <rPh sb="0" eb="3">
      <t>カナガワ</t>
    </rPh>
    <rPh sb="3" eb="5">
      <t>ダイガク</t>
    </rPh>
    <phoneticPr fontId="2"/>
  </si>
  <si>
    <t>最寄り駅
みなとみらい駅または新高島駅</t>
    <rPh sb="0" eb="2">
      <t>モヨ</t>
    </rPh>
    <rPh sb="3" eb="4">
      <t>エキ</t>
    </rPh>
    <rPh sb="11" eb="12">
      <t>エキ</t>
    </rPh>
    <rPh sb="15" eb="18">
      <t>シンタカシマ</t>
    </rPh>
    <rPh sb="18" eb="19">
      <t>エキ</t>
    </rPh>
    <phoneticPr fontId="2"/>
  </si>
  <si>
    <t>神奈川大学
社会連携部社会連携課</t>
    <rPh sb="6" eb="11">
      <t>シャカイレンケイブ</t>
    </rPh>
    <rPh sb="11" eb="13">
      <t>シャカイ</t>
    </rPh>
    <rPh sb="13" eb="15">
      <t>レンケイ</t>
    </rPh>
    <rPh sb="15" eb="16">
      <t>カ</t>
    </rPh>
    <phoneticPr fontId="2"/>
  </si>
  <si>
    <t>神奈川大学みなとみらいエクステンションセンター〈KUポートスクエア〉</t>
    <rPh sb="0" eb="3">
      <t>カナガワ</t>
    </rPh>
    <rPh sb="3" eb="5">
      <t>ダイガク</t>
    </rPh>
    <phoneticPr fontId="2"/>
  </si>
  <si>
    <t>https://www.ku-portsquare.jp/site/course/list/</t>
  </si>
  <si>
    <t>心理学的ウェルビーイングを実現する4つの習慣</t>
  </si>
  <si>
    <t>私たちは物質的には人類史上、最も豊かな時代に生きています。しかし、心の豊かさはどうでしょうか？私たちの心と脳は何万年も前の環境にマッチするように作られています。そのため、現代社会で心豊かに生きるためにはいくつかの工夫が必要です。この講座では、心豊かで穏やかな状態を保つために私たちがオススメする4つの心理学的方法論をご紹介します。近年、ウェルビーイングという言葉をよく耳にすると思いますが、みなさまの心理学的ウェルビーイングを高めることができることでしょう。</t>
  </si>
  <si>
    <t>連続講義　『カール・マルクスの生涯を語る』</t>
  </si>
  <si>
    <t>　この講座はマルクスの生涯を語る講座で、３年間の連続講座です。今年の講座は、第三期は最終回で1867年から1883年のマルクスの晩年の生活を扱います。この時代は、マルクスにとって大きな変化の時代といえます。マルクスは、『資本論』完成後、ロシア人との交流が始まり、ヨーロッパ以外の世界を知るようになります。そして、第一インターの解体、パリ・コミュ―ン、ドイツにおけるマルクス主義の普及といった問題に直面します。肉体的には健康を害し、執筆活動が遅延していきます。そのため、『資本論』の残りの巻は未刊に終わり、1883年3月14日65歳になる前に永眠します。</t>
  </si>
  <si>
    <t>戦後史の中の日本ナショナリズム</t>
  </si>
  <si>
    <t>第二次世界大戦が終わって80年が経過しました。世界はウクライナ、パレスチナ、スーダン、ミャンマー、インド・パキスタンなど深刻な戦争の危機の中にあります。米国大統領の唱える自国第一主義は、世界中に蔓延し、国家・民族間の対立は厳しさを増す一方です。この時にあたって日本は戦争の反省を捨て去っていいのでしょうか。日本の、今、進むべき道を考えます。</t>
  </si>
  <si>
    <t>日本の寺院・仏像を旅する</t>
  </si>
  <si>
    <t>百済から伝来した仏教は、人々の苦しみを救済する宗教として、古来の神道と並んでもう一つの日本文化の源流をなすことになります。朝廷や氏族、また仏教諸宗派によって寺院が全国に建てられ、仏像は人々の心を救ってきました。本講座では、全国各地の代表的な寺院を訪れ、仏像や絵画・庭園などの画像を織り交ぜながらそれぞれの由来を紹介し、歴史的背景から日本仏教の変遷をたどることにしたいと思います。</t>
    <phoneticPr fontId="2"/>
  </si>
  <si>
    <t>俳句実践講座 ―初歩の初歩の初歩―</t>
  </si>
  <si>
    <t>俳句には大きな関心があるが、どこか敷居が高くて、といった方々のための講座です。今まで一句も作ったことがない方、小学校以来、作ったことがない方、是非ご参加ください。皆で楽しく俳句作りに挑戦みましょう。正岡子規の『俳諧大要』を読みながら、基礎の基礎から学びます。
講義と実作を隔回で行います。実作の回は、20分前にお越しください。まずは、作ってみましょう。</t>
    <phoneticPr fontId="2"/>
  </si>
  <si>
    <t>俳句実践講座 ―初歩から中級へ―</t>
  </si>
  <si>
    <t>古典に学びつつ、実作に挑戦してみたい方のための講座です。
今回は、芭蕉と同時代の俳人、&lt;にょっぽりと秋の空なる富士の山&gt;の句で知られている鬼貫(おにつら)の俳論『独ごと』を読みながら、実作に挑戦です。すでに俳句作りに挑戦し、その面白さ、楽しさを味わった皆様ですので、さらに先を目指してみましょう。
俳句という文芸は、なかなか奥深い文芸です。お仲間の作品を忌憚なく批評しながら、切磋琢磨いたしましょう。
和気藹々と、楽しく進めましょう。講義と実作の隔回講座です。実作の回は、20 分前にお越しください。
※本講座は継続者優先の講座となります。席に空きが出た場合のみ、新規受講生を受入いたします。</t>
    <phoneticPr fontId="2"/>
  </si>
  <si>
    <t>チューダー朝118年の歴史と社会</t>
  </si>
  <si>
    <t>イギリスは、1066年にノルマン人に征服されて以来、1485年にイギリス人の王朝が成立するまで、フランス人によるフランス語の国でした。フランス人の王朝から解放されてはじめて、イギリス人によるイギリス文学・文化が発展し、イギリス・ルネサンス文化の花を開かせました。その頂点に、シェイクスピアがいます。世界広しと言えども、日本ほどシェイクスピア劇が受容されている国はありません。これは日本に長い豊かな演劇的土壌があることと無縁ではありません。シェイクスピアを生んだチューダー朝の社会と歴史を検証していきます。</t>
  </si>
  <si>
    <t>人生１００年時代の終活セミナー</t>
  </si>
  <si>
    <t>残された家族、周囲に迷惑をかけない為の終活をしましょう。専門家がエンディングノートの書き方、簡単な遺言書の書き方をお話しします。相続税について専門の税理士が説明します。</t>
  </si>
  <si>
    <t>「あの人なんなの？！」がなくなる脳心理科学</t>
  </si>
  <si>
    <t>真夜中に長いメールや業務連絡、ネチネチと数時間に渡る説教、些細なコミュニケーションの不和で同僚や上司を相談窓口に訴え続ける、身に覚えのないことで「やってくれたな！！」と心理的負債を与える…、などなど、周りを困惑させる方があなたの周りにもいるのではないでしょうか？この講座ではこのような周りを唖然とさせる方々の心と脳の真実とその対策を解説します。あなたの周りの「平和維持活動」が目標です。</t>
  </si>
  <si>
    <t>カムイのことば、アイヌのこころ
アイヌ語の特徴とカムイをめぐる世界観</t>
    <phoneticPr fontId="2"/>
  </si>
  <si>
    <t>本講座では、昨今注目を集めているアイヌのものの見方（＝世界観）を、その表れである「ことば」を通して学んでいきます。第１～４回講座では、『アイヌ語広文典』（白水社、2024年）の著者で、アイヌ人文研究の第一人者である中川裕氏（千葉大学名誉教授）が、①アイヌ語はどのような言語か、②カムイとは何か、③カムイと神謡、④英雄叙事詩（ユカㇻ）、という「ことば」が繋ぐ４つのテーマについて詳解します。第５回講座では、廣瀬富男（神奈川大学国際日本学部教授）が、世界観の体系化とも言うべき「文法」の記述を、理論言語学の視点から試みます。</t>
    <phoneticPr fontId="2"/>
  </si>
  <si>
    <t>ウクライナ戦争を考える</t>
  </si>
  <si>
    <t>2022年2月にプーチン大統領が始めた特別軍事作戦という名の戦争も3年を超えました。この戦争は、ロシア、ウクライナという兄弟国家のいわば兄弟殺しの戦争ですが、同時にソ連崩壊後の世界秩序にも関わってきます。ようやく米国にトランプ政権がエンドゲームに向かって動く現在、戦後世界の構想と問題を考えます。</t>
  </si>
  <si>
    <t>ストレス解消！ 川柳倶楽部</t>
  </si>
  <si>
    <t>日常の喜怒哀楽を中心に、幅広いテーマで句を詠める自由さが川柳の魅力です。本講座は「句会」を中心に行ないます。事前に宿題を提出いただき当日プリントにして配布、全員で感想を語り合いましょう。句会の結果は、講師のコメントや必要があれば添削例なども添え、次回以降にプリントにして配布します。
　川柳はひとりでも楽しめる文芸ですが、仲間がいれば楽しみは何倍にも膨らみます。初心者も大歓迎。初めて受講される方には、川柳の基本を記したプリントを事前にさし上げます。
　※継続受講者を優先して受け付けております。</t>
    <phoneticPr fontId="2"/>
  </si>
  <si>
    <t>国際社会を読む</t>
  </si>
  <si>
    <t>国際社会を読む。昨年に引き続き、国際社会の状況ついて見ていきます。今年は、歴史的に世界の変動について見ていきたいと考えています。前期は、西欧が世界を支配するにいたった経緯、そして20世紀までの西欧中心の世界の歴史を見ていきます。後期は、21世紀現在の世界を見ていきます。世界の変動は激しく、講義の内容は、その都度変更するかもしれません。しかし、大筋ではこうした順序で話を進めたいと考えています。</t>
  </si>
  <si>
    <t>非文字資料と感じる～運河の街 横浜～</t>
    <phoneticPr fontId="2"/>
  </si>
  <si>
    <t>横浜という町は港がイメージされがちですが、実は運河の町でもあります。今でこそ運河は数を減らしつつあるものの、1970年代までは縦横に運河が張り巡らされていました。この講座では絵地図・浮世絵・写真といった「非文字資料」を用いて在りし日の横浜の運河について学んでもらいます。また、実際に運河の近辺を歩くフィールドワークも行い、現在の運河の景観からも色々と学び取ってもらう予定です。</t>
    <phoneticPr fontId="2"/>
  </si>
  <si>
    <t>『徒然草』の世界(６)</t>
  </si>
  <si>
    <t>『徒然草』は、どなたもが１度は学んだ古典かと思います。しかし『徒然草』も、学生時代と近年とでは、研究が大きく進展しました。新しい研究に学びつつ、『徒然草』と再会しませんか。文武の話題に、不思議な猫の怪奇のお話です。大人にこそお伝えしたい古典の世界があります。きっと、新たな発見に驚かれることでしょう。</t>
  </si>
  <si>
    <t>子どもの挑戦を支える“安心の土台”をつくる時間</t>
  </si>
  <si>
    <t>子どもが挑戦する力を育てるには、「失敗しても大丈夫」と思える心が必要です。その土台となるのが、「どんな自分にも価値がある」と感じられる自己肯定感。そしてそれは、乳幼児期に“ありのままの自分でいい"と思える関わりから育まれます。まずは、親自身が自分の心に優しさを持ち、大切にすることが子どもの自己肯定感に繋がっていきます。親子の心にそっと寄り添いながら“安心の土台”を育てるヒントをお届けします。
※会場はホール内に畳を設置し、お子様を見守りながら受講頂けます。会場の都合上、床座</t>
    <phoneticPr fontId="2"/>
  </si>
  <si>
    <t>考古学が描きだすヤマタイ国時代の列島の姿 Ⅸ</t>
  </si>
  <si>
    <t xml:space="preserve">昨年に引き続き、本講座では文化財の調査・研究の最先端で活躍する新進気鋭の研究者により、最新の研究成果や分析法によって新たな列島史の可能性について平易な語り口で述べていきます。特に本年は、列島各地に展開した交流ネットワークに焦点をしぼり、特に大陸・韓半島や北部九州に加え、さらに北方や南島とのヒト・モノ・コトの交流の問題を取り上げます。列島史の多様性に光をあて、「常識的な日本史像」について再考していきます。					</t>
    <phoneticPr fontId="2"/>
  </si>
  <si>
    <t>ベビー脳トレ講座</t>
  </si>
  <si>
    <t>3歳までは脳の80％が完成する黄金期。そんな乳幼児期にやりたい“脳トレ遊び”を学ぶ講座です。
脳が成長するとはどういうことか？脳トレとはどのようなことをするのか？身近なおもちゃや日用品を使い、触覚・視覚・バランス感覚を刺激する脳トレ遊びをご紹介します。知ることで子どもとのお家時間がより一層楽しくなります。</t>
    <phoneticPr fontId="2"/>
  </si>
  <si>
    <t>アイヌの食卓から見える世界</t>
    <phoneticPr fontId="2"/>
  </si>
  <si>
    <t>アイヌ民族の存在については耳にしたことがあると思いますが、その文化の一端に触れたことはありますか？この講座では、アイヌ文化の中でも食に着目して講義を行っていきます。また、新大久保にあるアイヌ料理専門店「ハルコロ」のオーナーを迎え、アイヌの食文化に迫ります。この機会を通じてぜひアイヌ文化について知識を深めてみてください。</t>
    <phoneticPr fontId="2"/>
  </si>
  <si>
    <t>次世代自動車と新エネルギー</t>
  </si>
  <si>
    <t>次世代自動車と新エネルギーの特性、経済性、二酸化炭素排出量削減効果について解説します。また、消費者が自動車のどのような特性を重視して車の選択をするか、次世代自動車普及のためにはどのような政策が有効か、統計データに基づくシミュレーション分析結果を紹介します。</t>
    <phoneticPr fontId="2"/>
  </si>
  <si>
    <t>マラソン・駅伝がもっと楽しくなる！身体運動科学から見つめる、エネルギー代謝の仕組み</t>
    <phoneticPr fontId="2"/>
  </si>
  <si>
    <t>生きていることはエネルギーを生み出していることです。本講座では運動時に糖や脂肪がどう代謝されているのか、体内の変化を学びます。エネルギー代謝の知識を活かし、今後の健康増進や競技パフォーマンス向上のためにどのように運動を取り入れていけばよいのか、考えてみる機会はいかがでしょうか。疲労物質だと誤解されてきた乳酸をどう考え、トレーニングに活かすことができるのかを理解することで、スポーツをより楽しむことができるだけでなく、誤った情報を鵜呑みにせず、振り回されない姿勢を身につけることができる講座です。</t>
  </si>
  <si>
    <t>進化論の旅路
自然選択から人工知能まで</t>
    <phoneticPr fontId="2"/>
  </si>
  <si>
    <t>ダーウィン（1809–1882）は、イギリスの博物学者・地質学者であり、進化論の提唱者として知られています。彼の業績は、生物学の根本的な枠組みを変え、現代生物学の基盤を築くものです。例えば、ガラパゴス諸島のフィンチのくちばしの違いなどから、地理的隔離と適応の関係を観察し、進化のメカニズムにおける環境の役割を強調しました。進化論は、当初宗教的・社会的な反発も受けましたが、科学的根拠と観察に基づいた理論として、徐々に広く受け入れられ、現代の進化生物学の出発点となりました。彼の業績について解説します。</t>
  </si>
  <si>
    <t>「伝統的酒造り」と現代</t>
  </si>
  <si>
    <t>2024年日本の「伝統的酒造り」がユネスコ無形文化遺産に登録されました。ここでいう「酒」には、清酒のみならず焼酎や泡盛、みりんが含まれています。ところで、わたしたちが普段飲んでいる酒は「伝統的酒造り」によるものなのでしょうか？そもそも「伝統的酒造り」とは何を意味するのでしょうか？「伝統的酒造り」に対して「現代的酒造り」とは何なのでしょうか？
本講座では前期開講「和酒 歴史と文化探訪」の内容を踏まえつつ、酒をめぐる今昔を紐解いていきます。併せて日本の酒から世界のSAKEへの発展に注目します。</t>
    <phoneticPr fontId="2"/>
  </si>
  <si>
    <t>愛といのちの文学</t>
  </si>
  <si>
    <t xml:space="preserve">古今東西の文学の森。本講座では、主に近代以降の日本文学や外国文学、古典、哲学、宗教にも目を向けながら、その作品の魅力を解読します。
今回は、旧約聖書の「楽園」とヴォルテールの『カンディード』、アジアで初の女性としてノーベル文学賞を受賞した韓国の作家ハン・ガンの小説、悲しみを見つめた在日作家の金鶴泳、芥川龍之介と原民喜の心願の国、孤高の現代俳人・西川徹郎などの作品を取り上げ、共に響き合う「愛といのちの文学」を学び、その生命(いのち)の水の流れる河の辺（ほとり）に広がる希望の風景を見つめます。
</t>
    <phoneticPr fontId="2"/>
  </si>
  <si>
    <t>アンチエイジングから見た健康管理</t>
    <rPh sb="10" eb="11">
      <t>ミ</t>
    </rPh>
    <rPh sb="12" eb="14">
      <t>ケンコウ</t>
    </rPh>
    <rPh sb="14" eb="16">
      <t>カンリ</t>
    </rPh>
    <phoneticPr fontId="2"/>
  </si>
  <si>
    <t>アンチエイジングと聞くと、スキンケアをイメージされる方が多いかと思いますが、内側からのケアも同じくらい大切な要素です。人生100年時代といわれる高齢社会の現在、長生きするための健康志向はより高まりを見せています。本講座では、「アンチエイジングから見た健康管理」「免疫力を上げる運動と食事」など老いに打ち勝つためのアンチエイジングについて学びます。健康管理のプロ、管理栄養士への質疑応答も可能です。</t>
    <rPh sb="9" eb="10">
      <t>キ</t>
    </rPh>
    <rPh sb="26" eb="27">
      <t>カタ</t>
    </rPh>
    <rPh sb="28" eb="29">
      <t>オオ</t>
    </rPh>
    <rPh sb="32" eb="33">
      <t>オモ</t>
    </rPh>
    <rPh sb="38" eb="40">
      <t>ウチガワ</t>
    </rPh>
    <rPh sb="46" eb="47">
      <t>オナ</t>
    </rPh>
    <rPh sb="51" eb="53">
      <t>タイセツ</t>
    </rPh>
    <rPh sb="54" eb="56">
      <t>ヨウソ</t>
    </rPh>
    <rPh sb="59" eb="61">
      <t>ジンセイ</t>
    </rPh>
    <rPh sb="64" eb="65">
      <t>ネン</t>
    </rPh>
    <rPh sb="65" eb="67">
      <t>ジダイ</t>
    </rPh>
    <rPh sb="72" eb="74">
      <t>コウレイ</t>
    </rPh>
    <rPh sb="74" eb="76">
      <t>シャカイ</t>
    </rPh>
    <rPh sb="77" eb="79">
      <t>ゲンザイ</t>
    </rPh>
    <rPh sb="80" eb="82">
      <t>ナガイ</t>
    </rPh>
    <rPh sb="88" eb="90">
      <t>ケンコウ</t>
    </rPh>
    <rPh sb="90" eb="92">
      <t>シコウ</t>
    </rPh>
    <rPh sb="95" eb="96">
      <t>タカ</t>
    </rPh>
    <rPh sb="99" eb="100">
      <t>ミ</t>
    </rPh>
    <rPh sb="106" eb="107">
      <t>ホン</t>
    </rPh>
    <rPh sb="107" eb="109">
      <t>コウザ</t>
    </rPh>
    <rPh sb="123" eb="124">
      <t>ミ</t>
    </rPh>
    <rPh sb="125" eb="127">
      <t>ケンコウ</t>
    </rPh>
    <rPh sb="127" eb="129">
      <t>カンリ</t>
    </rPh>
    <rPh sb="131" eb="134">
      <t>メンエキリョク</t>
    </rPh>
    <rPh sb="135" eb="136">
      <t>ア</t>
    </rPh>
    <rPh sb="138" eb="140">
      <t>ウンドウ</t>
    </rPh>
    <rPh sb="141" eb="143">
      <t>ショクジ</t>
    </rPh>
    <rPh sb="146" eb="147">
      <t>オ</t>
    </rPh>
    <rPh sb="149" eb="150">
      <t>ウ</t>
    </rPh>
    <rPh sb="151" eb="152">
      <t>カ</t>
    </rPh>
    <rPh sb="168" eb="169">
      <t>マナ</t>
    </rPh>
    <rPh sb="173" eb="175">
      <t>ケンコウ</t>
    </rPh>
    <rPh sb="175" eb="177">
      <t>カンリ</t>
    </rPh>
    <rPh sb="181" eb="183">
      <t>カンリ</t>
    </rPh>
    <rPh sb="183" eb="186">
      <t>エイヨウシ</t>
    </rPh>
    <rPh sb="188" eb="190">
      <t>シツギ</t>
    </rPh>
    <rPh sb="190" eb="192">
      <t>オウトウ</t>
    </rPh>
    <rPh sb="193" eb="195">
      <t>カノウ</t>
    </rPh>
    <phoneticPr fontId="2"/>
  </si>
  <si>
    <t>湘南健診クリニック　ココットさくら館</t>
    <rPh sb="0" eb="2">
      <t>ショウナン</t>
    </rPh>
    <rPh sb="2" eb="4">
      <t>ケンシン</t>
    </rPh>
    <rPh sb="17" eb="18">
      <t>カン</t>
    </rPh>
    <phoneticPr fontId="2"/>
  </si>
  <si>
    <t>最寄り駅桜木町駅</t>
    <rPh sb="0" eb="2">
      <t>モヨ</t>
    </rPh>
    <rPh sb="3" eb="4">
      <t>エキ</t>
    </rPh>
    <rPh sb="4" eb="7">
      <t>サクラギチョウ</t>
    </rPh>
    <rPh sb="7" eb="8">
      <t>エキ</t>
    </rPh>
    <phoneticPr fontId="2"/>
  </si>
  <si>
    <t>運動会で速く走るための正しい走り方教室</t>
    <rPh sb="0" eb="3">
      <t>ウンドウカイ</t>
    </rPh>
    <rPh sb="4" eb="5">
      <t>ハヤ</t>
    </rPh>
    <rPh sb="6" eb="7">
      <t>ハシ</t>
    </rPh>
    <rPh sb="11" eb="12">
      <t>タダ</t>
    </rPh>
    <rPh sb="14" eb="15">
      <t>ハシ</t>
    </rPh>
    <rPh sb="16" eb="17">
      <t>カタ</t>
    </rPh>
    <rPh sb="17" eb="19">
      <t>キョウシツ</t>
    </rPh>
    <phoneticPr fontId="2"/>
  </si>
  <si>
    <t>正しい「腕の振り方」「フォーム」で練習することで今のジブンより速く走ることが可能です！野村不動産ライフ＆スポーツが運営するメガロス体育スクール「ミライク」のインストラクター兼教育研修担当の講師がお子様一人ひとりに合った正しい走り方を遊びの要素を取り入れながら楽しく伝えます。「走るのが苦手」「もっと足が速くなりたい」「野球やサッカーの習い事で活躍したい」小学生におすすめの講座です。</t>
    <rPh sb="0" eb="1">
      <t>タダ</t>
    </rPh>
    <rPh sb="4" eb="5">
      <t>ウデ</t>
    </rPh>
    <rPh sb="6" eb="7">
      <t>フ</t>
    </rPh>
    <rPh sb="8" eb="9">
      <t>カタ</t>
    </rPh>
    <rPh sb="17" eb="19">
      <t>レンシュウ</t>
    </rPh>
    <rPh sb="24" eb="25">
      <t>イマ</t>
    </rPh>
    <rPh sb="31" eb="32">
      <t>ハヤ</t>
    </rPh>
    <rPh sb="33" eb="34">
      <t>ハシ</t>
    </rPh>
    <rPh sb="38" eb="40">
      <t>カノウ</t>
    </rPh>
    <rPh sb="43" eb="45">
      <t>ノムラ</t>
    </rPh>
    <rPh sb="45" eb="48">
      <t>フドウサン</t>
    </rPh>
    <rPh sb="57" eb="59">
      <t>ウンエイ</t>
    </rPh>
    <rPh sb="65" eb="67">
      <t>タイイク</t>
    </rPh>
    <rPh sb="86" eb="87">
      <t>ケン</t>
    </rPh>
    <rPh sb="87" eb="89">
      <t>キョウイク</t>
    </rPh>
    <rPh sb="89" eb="91">
      <t>ケンシュウ</t>
    </rPh>
    <rPh sb="91" eb="93">
      <t>タントウ</t>
    </rPh>
    <rPh sb="94" eb="96">
      <t>コウシ</t>
    </rPh>
    <rPh sb="98" eb="100">
      <t>コサマ</t>
    </rPh>
    <rPh sb="100" eb="102">
      <t>ヒトリ</t>
    </rPh>
    <rPh sb="106" eb="107">
      <t>ア</t>
    </rPh>
    <rPh sb="109" eb="110">
      <t>タダ</t>
    </rPh>
    <rPh sb="112" eb="113">
      <t>ハシ</t>
    </rPh>
    <rPh sb="114" eb="115">
      <t>カタ</t>
    </rPh>
    <rPh sb="116" eb="117">
      <t>アソ</t>
    </rPh>
    <rPh sb="119" eb="121">
      <t>ヨウソ</t>
    </rPh>
    <rPh sb="122" eb="123">
      <t>ト</t>
    </rPh>
    <rPh sb="124" eb="125">
      <t>イ</t>
    </rPh>
    <rPh sb="129" eb="130">
      <t>タノ</t>
    </rPh>
    <rPh sb="132" eb="133">
      <t>ツタ</t>
    </rPh>
    <rPh sb="138" eb="139">
      <t>ハシ</t>
    </rPh>
    <rPh sb="142" eb="144">
      <t>ニガテ</t>
    </rPh>
    <rPh sb="149" eb="150">
      <t>アシ</t>
    </rPh>
    <rPh sb="151" eb="152">
      <t>ハヤ</t>
    </rPh>
    <rPh sb="159" eb="161">
      <t>ヤキュウ</t>
    </rPh>
    <rPh sb="167" eb="168">
      <t>ナラ</t>
    </rPh>
    <rPh sb="169" eb="170">
      <t>ゴト</t>
    </rPh>
    <rPh sb="171" eb="173">
      <t>カツヤク</t>
    </rPh>
    <rPh sb="177" eb="180">
      <t>ショウガクセイ</t>
    </rPh>
    <rPh sb="186" eb="188">
      <t>コウザ</t>
    </rPh>
    <phoneticPr fontId="2"/>
  </si>
  <si>
    <t>小学生対象</t>
    <rPh sb="0" eb="3">
      <t>ショウガクセイ</t>
    </rPh>
    <rPh sb="3" eb="5">
      <t>タイショウ</t>
    </rPh>
    <phoneticPr fontId="2"/>
  </si>
  <si>
    <t>10月開講
楽しい！ おしゃべり英会話 【入門～基礎】</t>
    <rPh sb="2" eb="3">
      <t>ガツ</t>
    </rPh>
    <rPh sb="3" eb="5">
      <t>カイコウ</t>
    </rPh>
    <phoneticPr fontId="2"/>
  </si>
  <si>
    <t>入門からゆっくり丁寧に英語を始めたい方にぴったりの、アットホームで明るく楽しいサロン風講座です。英語から離れていた方や初めての方も、安心してマイペースに学べます。ユーモアたっぷり「笑顔いっぱい」の講師と一緒に、楽しく元気に英語を学びます。とても分かりやすく、英語学習を再スタートしたい方にもおすすめの講座です。</t>
  </si>
  <si>
    <t>10月開講
楽しい！ おしゃべり英会話 【基礎～初級】</t>
    <rPh sb="2" eb="3">
      <t>ガツ</t>
    </rPh>
    <rPh sb="3" eb="5">
      <t>カイコウ</t>
    </rPh>
    <phoneticPr fontId="2"/>
  </si>
  <si>
    <t>「簡単な英語で自分の意思を伝えたい」「質問を聞き取って、きちんと応答できるようになりたい」「もっとリスニング力を高めたい」—そんな方にぴったりの、明るく元気に学べる講座です。ユーモアたっぷり「笑顔いっぱい」の講師とともに、楽しみながら英語を学びます。英語がぐっと身近に感じられ、世界が広がるきっかけになります。</t>
  </si>
  <si>
    <t>親子で参加！三菱みなとみらい技術館でモノづくりを学ぼう①</t>
    <rPh sb="0" eb="2">
      <t>オヤコ</t>
    </rPh>
    <rPh sb="3" eb="5">
      <t>サンカ</t>
    </rPh>
    <rPh sb="6" eb="8">
      <t>ミツビシ</t>
    </rPh>
    <rPh sb="14" eb="16">
      <t>ギジュツ</t>
    </rPh>
    <rPh sb="16" eb="17">
      <t>カン</t>
    </rPh>
    <rPh sb="24" eb="25">
      <t>マナ</t>
    </rPh>
    <phoneticPr fontId="2"/>
  </si>
  <si>
    <t>三菱重工グループでは、ロケットの打ち上げ輸送サービスを行っています。今回の講座では、ロケットの仕組みや役割、どのようにして作られているかのどのお話をきいたり、実験を体験したりしながら、ロケットのお仕事について楽しく学びます。三菱みなとみらい技術館にあるロケット模型や実物展示のガイドツアーも開催。ロケットとモノづくりに詳しくなって、ロケット博士を目指しましょう！</t>
    <rPh sb="0" eb="2">
      <t>ミツビシ</t>
    </rPh>
    <rPh sb="2" eb="4">
      <t>ジュウコウ</t>
    </rPh>
    <rPh sb="16" eb="17">
      <t>ウ</t>
    </rPh>
    <rPh sb="18" eb="19">
      <t>ア</t>
    </rPh>
    <rPh sb="20" eb="22">
      <t>ユソウ</t>
    </rPh>
    <rPh sb="27" eb="28">
      <t>オコナ</t>
    </rPh>
    <rPh sb="34" eb="36">
      <t>コンカイ</t>
    </rPh>
    <rPh sb="37" eb="39">
      <t>コウザ</t>
    </rPh>
    <rPh sb="47" eb="49">
      <t>シク</t>
    </rPh>
    <rPh sb="51" eb="53">
      <t>ヤクワリ</t>
    </rPh>
    <rPh sb="61" eb="62">
      <t>ツク</t>
    </rPh>
    <rPh sb="72" eb="73">
      <t>ハナシ</t>
    </rPh>
    <rPh sb="79" eb="81">
      <t>ジッケン</t>
    </rPh>
    <rPh sb="82" eb="84">
      <t>タイケン</t>
    </rPh>
    <rPh sb="98" eb="100">
      <t>シゴト</t>
    </rPh>
    <rPh sb="104" eb="105">
      <t>タノ</t>
    </rPh>
    <rPh sb="107" eb="108">
      <t>マナ</t>
    </rPh>
    <rPh sb="112" eb="114">
      <t>ミツビシ</t>
    </rPh>
    <rPh sb="120" eb="122">
      <t>ギジュツ</t>
    </rPh>
    <rPh sb="122" eb="123">
      <t>カン</t>
    </rPh>
    <rPh sb="130" eb="132">
      <t>モケイ</t>
    </rPh>
    <rPh sb="133" eb="135">
      <t>ジツブツ</t>
    </rPh>
    <rPh sb="135" eb="137">
      <t>テンジ</t>
    </rPh>
    <rPh sb="145" eb="147">
      <t>カイサイ</t>
    </rPh>
    <rPh sb="159" eb="160">
      <t>クワ</t>
    </rPh>
    <rPh sb="170" eb="172">
      <t>ハカセ</t>
    </rPh>
    <rPh sb="173" eb="175">
      <t>メザ</t>
    </rPh>
    <phoneticPr fontId="2"/>
  </si>
  <si>
    <t>三菱みなとみらい技術館</t>
    <rPh sb="0" eb="2">
      <t>ミツビシ</t>
    </rPh>
    <rPh sb="8" eb="11">
      <t>ギジュツカン</t>
    </rPh>
    <phoneticPr fontId="2"/>
  </si>
  <si>
    <t>最寄り駅
みなとみらい駅または桜木町駅</t>
    <rPh sb="0" eb="2">
      <t>モヨ</t>
    </rPh>
    <rPh sb="3" eb="4">
      <t>エキ</t>
    </rPh>
    <rPh sb="11" eb="12">
      <t>エキ</t>
    </rPh>
    <rPh sb="15" eb="18">
      <t>サクラギチョウ</t>
    </rPh>
    <rPh sb="18" eb="19">
      <t>エキ</t>
    </rPh>
    <phoneticPr fontId="2"/>
  </si>
  <si>
    <t>日本美術の「美」を見つめる</t>
  </si>
  <si>
    <t>日本美術における「美」の解釈は、西洋美術とは異なる要素があり、本講座では日本美術と西洋美術の美意識を比較、「日本の美」を学んでいきます。
仏教が日本に伝来し、後に日本好みの仏像の表現が現れたり、中国絵画に倣いながらも徐々に日本的表現に変貌していったりと、「日本の美」は少しずつ創られていきました。
外来の美術がいつ日本やってきて、それがどのような背景で日本美に変貌したのかを、国宝や重要文化財といった日本美術史を代表する作品を観ながら学びます。</t>
    <phoneticPr fontId="2"/>
  </si>
  <si>
    <t>クラフトビールで味わう横浜の街</t>
  </si>
  <si>
    <t>横浜には約20ヶ所のクラフトビール醸造所がありますが、そのうち６カ所が集まる“みなとみらい”エリアは、日本で有数のクラフトビールブルワリー集積地です。
本講座では、醸造所(1カ所)見学とともに、ビールテイスティングつきで3カ所のクラフトビール醸造所（ナンバーナインブルワリー、レボブルーイング、横浜ビール）を巡ります。
当日は神奈川大学の学生もツアーに参加し、神奈川大学キャンパスで育てられたホップを使用したオリジナルビールも楽しめます。</t>
    <phoneticPr fontId="2"/>
  </si>
  <si>
    <t>みなとみらい周辺</t>
    <rPh sb="6" eb="8">
      <t>シュウヘン</t>
    </rPh>
    <phoneticPr fontId="2"/>
  </si>
  <si>
    <t>最寄り駅
馬車道駅</t>
    <rPh sb="0" eb="2">
      <t>モヨ</t>
    </rPh>
    <rPh sb="3" eb="4">
      <t>エキ</t>
    </rPh>
    <rPh sb="5" eb="8">
      <t>バシャミチ</t>
    </rPh>
    <rPh sb="8" eb="9">
      <t>エキ</t>
    </rPh>
    <phoneticPr fontId="2"/>
  </si>
  <si>
    <t>スッキリした首ラインを実現！～首ラインからのデコルテつながり〜</t>
  </si>
  <si>
    <t>上半身の解剖学の座学を学びながら、首を伸ばすだけではなく、あなたにあった首の位置を見つけていきます。筋肉、筋膜のほぐし、呼吸を意識したリラックスした身体、神経とつなげて“スッキリ首ライン”と“姿勢”を目指します。シットビクス®︎トレーニングはイスのみで行えるので、ご自宅、会社でも実践できるようにしていきます。シットビクス®️の得意な美容解剖学メソッドを使用していきます。</t>
  </si>
  <si>
    <t>短歌の基本―創作と鑑賞―</t>
  </si>
  <si>
    <t>短歌は五句三十一音、小さな詩型です。日本語を文字化し始めた万葉集の時代に詩型が生まれ、古今集の時代以後、和歌（日本の歌）としてながく美の規範とされてきました。明治以降は短歌として、現代にいたるまでわたしたちの心を養ってくれる生きた文学形式です。そんな短歌を読むたのしみを知り、また創るたのしみを得る場としたいと思います。今期は、前期の晶子につづいて与謝野鉄幹を学びたいと思います。希望者は実作・鑑賞文を毎回提出していただいてけっこうです。</t>
  </si>
  <si>
    <t>楽しく学べるPhotoshop 入門</t>
    <rPh sb="0" eb="1">
      <t>タノ</t>
    </rPh>
    <rPh sb="3" eb="4">
      <t>マナ</t>
    </rPh>
    <rPh sb="16" eb="18">
      <t>ニュウモン</t>
    </rPh>
    <phoneticPr fontId="2"/>
  </si>
  <si>
    <t>職場で起こる課題を解決していくことで、よく使われる用語や基本的な操作を学びます。実際の操作手順やアニメーションを見ながら進めるため、初級から中級レベルまでのスキルを楽しく習得することができます。デジタルスキルの向上を目指す方や、離職者などのリスキリングにも最適な講座です。</t>
    <rPh sb="0" eb="2">
      <t>ショクバ</t>
    </rPh>
    <rPh sb="3" eb="4">
      <t>オ</t>
    </rPh>
    <rPh sb="6" eb="8">
      <t>カダイ</t>
    </rPh>
    <rPh sb="9" eb="11">
      <t>カイケツ</t>
    </rPh>
    <rPh sb="21" eb="22">
      <t>ツカ</t>
    </rPh>
    <rPh sb="25" eb="27">
      <t>ヨウゴ</t>
    </rPh>
    <rPh sb="28" eb="31">
      <t>キホンテキ</t>
    </rPh>
    <rPh sb="32" eb="34">
      <t>ソウサ</t>
    </rPh>
    <rPh sb="35" eb="36">
      <t>マナ</t>
    </rPh>
    <rPh sb="40" eb="42">
      <t>ジッサイ</t>
    </rPh>
    <rPh sb="43" eb="45">
      <t>ソウサ</t>
    </rPh>
    <rPh sb="45" eb="47">
      <t>テジュン</t>
    </rPh>
    <rPh sb="56" eb="57">
      <t>ミ</t>
    </rPh>
    <rPh sb="60" eb="61">
      <t>スス</t>
    </rPh>
    <rPh sb="66" eb="68">
      <t>ショキュウ</t>
    </rPh>
    <rPh sb="70" eb="72">
      <t>チュウキュウ</t>
    </rPh>
    <rPh sb="82" eb="83">
      <t>タノ</t>
    </rPh>
    <rPh sb="85" eb="87">
      <t>シュウトク</t>
    </rPh>
    <rPh sb="105" eb="107">
      <t>コウジョウ</t>
    </rPh>
    <rPh sb="108" eb="110">
      <t>メザ</t>
    </rPh>
    <rPh sb="111" eb="112">
      <t>カタ</t>
    </rPh>
    <rPh sb="114" eb="117">
      <t>リショクシャ</t>
    </rPh>
    <rPh sb="128" eb="130">
      <t>サイテキ</t>
    </rPh>
    <rPh sb="131" eb="133">
      <t>コウザ</t>
    </rPh>
    <phoneticPr fontId="2"/>
  </si>
  <si>
    <t>パーソナルカラーレッスン～似合う色を発見～</t>
    <rPh sb="13" eb="15">
      <t>ニア</t>
    </rPh>
    <rPh sb="16" eb="17">
      <t>イロ</t>
    </rPh>
    <rPh sb="18" eb="20">
      <t>ハッケン</t>
    </rPh>
    <phoneticPr fontId="2"/>
  </si>
  <si>
    <t>今話題のパーソナルカラーをご存じですか？「パーソナルカラー」とは顔写りの良い似合う色のことで、その色を身に着けると自分をより若々しく健康的に美しく表現することができます。ドレープ(カラーの布)を使い、グループレッスンで似合う色の方向性を体感しながら、パーソナルカラーの概要をわかりやすく紹介していくので。カラーの学習が未経験の方でも楽しく受講できます。</t>
    <rPh sb="0" eb="1">
      <t>イマ</t>
    </rPh>
    <rPh sb="1" eb="3">
      <t>ワダイ</t>
    </rPh>
    <rPh sb="14" eb="15">
      <t>ゾン</t>
    </rPh>
    <rPh sb="32" eb="33">
      <t>カオ</t>
    </rPh>
    <rPh sb="33" eb="34">
      <t>ウツ</t>
    </rPh>
    <rPh sb="36" eb="37">
      <t>イ</t>
    </rPh>
    <rPh sb="38" eb="40">
      <t>ニア</t>
    </rPh>
    <rPh sb="41" eb="42">
      <t>イロ</t>
    </rPh>
    <rPh sb="49" eb="50">
      <t>イロ</t>
    </rPh>
    <rPh sb="51" eb="52">
      <t>ミ</t>
    </rPh>
    <rPh sb="53" eb="54">
      <t>ツ</t>
    </rPh>
    <rPh sb="57" eb="59">
      <t>ジブン</t>
    </rPh>
    <rPh sb="62" eb="64">
      <t>ワカワカ</t>
    </rPh>
    <rPh sb="66" eb="69">
      <t>ケンコウテキ</t>
    </rPh>
    <rPh sb="70" eb="71">
      <t>ウツク</t>
    </rPh>
    <rPh sb="73" eb="75">
      <t>ヒョウゲン</t>
    </rPh>
    <rPh sb="94" eb="95">
      <t>ヌノ</t>
    </rPh>
    <rPh sb="97" eb="98">
      <t>ツカ</t>
    </rPh>
    <rPh sb="109" eb="111">
      <t>ニア</t>
    </rPh>
    <rPh sb="112" eb="113">
      <t>イロ</t>
    </rPh>
    <rPh sb="114" eb="117">
      <t>ホウコウセイ</t>
    </rPh>
    <rPh sb="118" eb="120">
      <t>タイカン</t>
    </rPh>
    <rPh sb="134" eb="136">
      <t>ガイヨウ</t>
    </rPh>
    <rPh sb="143" eb="145">
      <t>ショウカイ</t>
    </rPh>
    <rPh sb="156" eb="158">
      <t>ガクシュウ</t>
    </rPh>
    <rPh sb="159" eb="162">
      <t>ミケイケン</t>
    </rPh>
    <rPh sb="163" eb="164">
      <t>カタ</t>
    </rPh>
    <rPh sb="166" eb="167">
      <t>タノ</t>
    </rPh>
    <rPh sb="169" eb="171">
      <t>ジュコウ</t>
    </rPh>
    <phoneticPr fontId="2"/>
  </si>
  <si>
    <t>神奈川大学生が伝える「kawasaki工場夜景クルーズ」</t>
    <rPh sb="0" eb="3">
      <t>カナガワ</t>
    </rPh>
    <rPh sb="3" eb="5">
      <t>ダイガク</t>
    </rPh>
    <rPh sb="5" eb="6">
      <t>セイ</t>
    </rPh>
    <rPh sb="7" eb="8">
      <t>ツタ</t>
    </rPh>
    <rPh sb="19" eb="21">
      <t>コウジョウ</t>
    </rPh>
    <rPh sb="21" eb="23">
      <t>ヤケイ</t>
    </rPh>
    <phoneticPr fontId="2"/>
  </si>
  <si>
    <t>2024年に市制100周年を迎えた川崎市。明治末期より川崎臨海部は埋め立てや工場誘致により、主産業であった海苔養殖や製塩から石油・鉄鋼・電機・機械・環境など多様な産業が集積する工場地帯へと発展してきました。現在ではその密集した工場群の夜景が「工場夜景」として人気を集めています。今回のクルーズでは本学国際日本学部国際文化交流学科にて観光を学ぶ学生2名が川崎の歴史とみなとみらい地区について紹介し、工場地帯では株式会社ワイクルーズの工場夜景ナビゲーターがスポットごとに見どころを紹介します。</t>
    <rPh sb="4" eb="5">
      <t>ネン</t>
    </rPh>
    <rPh sb="6" eb="8">
      <t>シセイ</t>
    </rPh>
    <rPh sb="11" eb="13">
      <t>シュウネン</t>
    </rPh>
    <rPh sb="14" eb="15">
      <t>ムカ</t>
    </rPh>
    <rPh sb="17" eb="20">
      <t>カワサキシ</t>
    </rPh>
    <rPh sb="21" eb="23">
      <t>メイジ</t>
    </rPh>
    <rPh sb="23" eb="25">
      <t>マッキ</t>
    </rPh>
    <rPh sb="27" eb="29">
      <t>カワサキ</t>
    </rPh>
    <rPh sb="29" eb="31">
      <t>リンカイ</t>
    </rPh>
    <rPh sb="31" eb="32">
      <t>ブ</t>
    </rPh>
    <rPh sb="33" eb="34">
      <t>ウ</t>
    </rPh>
    <rPh sb="35" eb="36">
      <t>タ</t>
    </rPh>
    <rPh sb="38" eb="40">
      <t>コウジョウ</t>
    </rPh>
    <rPh sb="40" eb="42">
      <t>ユウチ</t>
    </rPh>
    <rPh sb="46" eb="47">
      <t>シュ</t>
    </rPh>
    <rPh sb="47" eb="49">
      <t>サンギョウ</t>
    </rPh>
    <rPh sb="53" eb="55">
      <t>ノリ</t>
    </rPh>
    <rPh sb="55" eb="57">
      <t>ヨウショク</t>
    </rPh>
    <rPh sb="58" eb="60">
      <t>セイエン</t>
    </rPh>
    <rPh sb="62" eb="64">
      <t>セキユ</t>
    </rPh>
    <rPh sb="65" eb="67">
      <t>テッコウ</t>
    </rPh>
    <rPh sb="68" eb="70">
      <t>デンキ</t>
    </rPh>
    <rPh sb="71" eb="73">
      <t>キカイ</t>
    </rPh>
    <rPh sb="74" eb="76">
      <t>カンキョウ</t>
    </rPh>
    <rPh sb="78" eb="80">
      <t>タヨウ</t>
    </rPh>
    <rPh sb="81" eb="83">
      <t>サンギョウ</t>
    </rPh>
    <rPh sb="84" eb="86">
      <t>シュウセキ</t>
    </rPh>
    <rPh sb="88" eb="90">
      <t>コウジョウ</t>
    </rPh>
    <rPh sb="90" eb="92">
      <t>チタイ</t>
    </rPh>
    <rPh sb="94" eb="96">
      <t>ハッテン</t>
    </rPh>
    <rPh sb="103" eb="105">
      <t>ゲンザイ</t>
    </rPh>
    <rPh sb="109" eb="111">
      <t>ミッシュウ</t>
    </rPh>
    <rPh sb="113" eb="115">
      <t>コウジョウ</t>
    </rPh>
    <rPh sb="115" eb="116">
      <t>グン</t>
    </rPh>
    <rPh sb="117" eb="119">
      <t>ヤケイ</t>
    </rPh>
    <rPh sb="121" eb="123">
      <t>コウジョウ</t>
    </rPh>
    <rPh sb="123" eb="125">
      <t>ヤケイ</t>
    </rPh>
    <rPh sb="129" eb="131">
      <t>ニンキ</t>
    </rPh>
    <rPh sb="132" eb="133">
      <t>アツ</t>
    </rPh>
    <rPh sb="139" eb="141">
      <t>コンカイ</t>
    </rPh>
    <rPh sb="148" eb="150">
      <t>ホンガク</t>
    </rPh>
    <rPh sb="150" eb="152">
      <t>コクサイ</t>
    </rPh>
    <rPh sb="152" eb="154">
      <t>ニホン</t>
    </rPh>
    <rPh sb="154" eb="156">
      <t>ガクブ</t>
    </rPh>
    <rPh sb="156" eb="158">
      <t>コクサイ</t>
    </rPh>
    <rPh sb="158" eb="160">
      <t>ブンカ</t>
    </rPh>
    <rPh sb="160" eb="162">
      <t>コウリュウ</t>
    </rPh>
    <rPh sb="162" eb="164">
      <t>ガッカ</t>
    </rPh>
    <rPh sb="166" eb="168">
      <t>カンコウ</t>
    </rPh>
    <rPh sb="169" eb="170">
      <t>マナ</t>
    </rPh>
    <rPh sb="171" eb="173">
      <t>ガクセイ</t>
    </rPh>
    <rPh sb="174" eb="175">
      <t>メイ</t>
    </rPh>
    <rPh sb="176" eb="178">
      <t>カワサキ</t>
    </rPh>
    <rPh sb="179" eb="181">
      <t>レキシ</t>
    </rPh>
    <rPh sb="188" eb="190">
      <t>チク</t>
    </rPh>
    <rPh sb="194" eb="196">
      <t>ショウカイ</t>
    </rPh>
    <rPh sb="198" eb="200">
      <t>コウジョウ</t>
    </rPh>
    <rPh sb="200" eb="202">
      <t>チタイ</t>
    </rPh>
    <rPh sb="204" eb="208">
      <t>カブシキガイシャ</t>
    </rPh>
    <rPh sb="215" eb="217">
      <t>コウジョウ</t>
    </rPh>
    <rPh sb="217" eb="219">
      <t>ヤケイ</t>
    </rPh>
    <rPh sb="233" eb="234">
      <t>ミ</t>
    </rPh>
    <rPh sb="238" eb="240">
      <t>ショウカイ</t>
    </rPh>
    <phoneticPr fontId="2"/>
  </si>
  <si>
    <t>ハンマーヘッド発着</t>
    <rPh sb="7" eb="9">
      <t>ハッチャク</t>
    </rPh>
    <phoneticPr fontId="2"/>
  </si>
  <si>
    <t>最寄り駅
みなとみらい駅または馬車道駅</t>
    <rPh sb="0" eb="2">
      <t>モヨ</t>
    </rPh>
    <rPh sb="3" eb="4">
      <t>エキ</t>
    </rPh>
    <rPh sb="11" eb="12">
      <t>エキ</t>
    </rPh>
    <rPh sb="15" eb="18">
      <t>バシャミチ</t>
    </rPh>
    <rPh sb="18" eb="19">
      <t>エキ</t>
    </rPh>
    <phoneticPr fontId="2"/>
  </si>
  <si>
    <t>カクテルアカデミー～カクテルから見たヨコハマ～</t>
    <rPh sb="16" eb="17">
      <t>ミ</t>
    </rPh>
    <phoneticPr fontId="2"/>
  </si>
  <si>
    <t>日本のカクテルの歴史は横浜から始まった⁉今からおよそ160年前、開港した横浜には、外国人が過ごすための遺留地がさかえ、横浜ホテルが誕生しました。そこに設置されたBARが、日本初のBARとされています。関東大震災や戦争を乗り越え、今もなお残り、発展し続ける横浜独自のカクテル文化を紐解いていきます。横浜生まれのカクテルの誕生秘話など、お酒にちなんだ様アマナことを学んでいきましょう。</t>
    <rPh sb="0" eb="2">
      <t>ニホン</t>
    </rPh>
    <rPh sb="8" eb="10">
      <t>レキシ</t>
    </rPh>
    <rPh sb="11" eb="13">
      <t>ヨコハマ</t>
    </rPh>
    <rPh sb="15" eb="16">
      <t>ハジ</t>
    </rPh>
    <rPh sb="20" eb="21">
      <t>イマ</t>
    </rPh>
    <rPh sb="29" eb="31">
      <t>ネンマエ</t>
    </rPh>
    <rPh sb="32" eb="34">
      <t>カイコウ</t>
    </rPh>
    <rPh sb="36" eb="38">
      <t>ヨコハマ</t>
    </rPh>
    <rPh sb="41" eb="43">
      <t>ガイコク</t>
    </rPh>
    <rPh sb="43" eb="44">
      <t>ジン</t>
    </rPh>
    <rPh sb="45" eb="46">
      <t>ス</t>
    </rPh>
    <rPh sb="51" eb="53">
      <t>イリュウ</t>
    </rPh>
    <rPh sb="53" eb="54">
      <t>チ</t>
    </rPh>
    <rPh sb="59" eb="61">
      <t>ヨコハマ</t>
    </rPh>
    <rPh sb="65" eb="67">
      <t>タンジョウ</t>
    </rPh>
    <rPh sb="75" eb="77">
      <t>セッチ</t>
    </rPh>
    <rPh sb="85" eb="88">
      <t>ニホンハツ</t>
    </rPh>
    <rPh sb="100" eb="105">
      <t>カントウダイシンサイ</t>
    </rPh>
    <rPh sb="106" eb="108">
      <t>センソウ</t>
    </rPh>
    <rPh sb="109" eb="110">
      <t>ノ</t>
    </rPh>
    <rPh sb="111" eb="112">
      <t>コ</t>
    </rPh>
    <rPh sb="114" eb="115">
      <t>イマ</t>
    </rPh>
    <rPh sb="118" eb="119">
      <t>ノコ</t>
    </rPh>
    <rPh sb="121" eb="123">
      <t>ハッテン</t>
    </rPh>
    <rPh sb="124" eb="125">
      <t>ツヅ</t>
    </rPh>
    <rPh sb="127" eb="129">
      <t>ヨコハマ</t>
    </rPh>
    <rPh sb="129" eb="131">
      <t>ドクジ</t>
    </rPh>
    <rPh sb="136" eb="138">
      <t>ブンカ</t>
    </rPh>
    <rPh sb="139" eb="141">
      <t>ヒモト</t>
    </rPh>
    <rPh sb="148" eb="150">
      <t>ヨコハマ</t>
    </rPh>
    <rPh sb="150" eb="151">
      <t>ウ</t>
    </rPh>
    <rPh sb="159" eb="161">
      <t>タンジョウ</t>
    </rPh>
    <rPh sb="161" eb="163">
      <t>ヒワ</t>
    </rPh>
    <rPh sb="167" eb="168">
      <t>サケ</t>
    </rPh>
    <rPh sb="173" eb="174">
      <t>サマ</t>
    </rPh>
    <rPh sb="180" eb="181">
      <t>マナ</t>
    </rPh>
    <phoneticPr fontId="2"/>
  </si>
  <si>
    <t>カリグラフィー
美しい手書き文字・西洋書道</t>
    <phoneticPr fontId="2"/>
  </si>
  <si>
    <t>長く受け継がれた伝統と、手書きの美しさを備えたカリグラフィーを、日常の生活に取り入れ、カード・招待状などを楽しみながら、基本書体イタリック体から学びます。講座回数を増すごとにカッパープレート体、ゴシック体とレベルアップして学びます。</t>
    <phoneticPr fontId="2"/>
  </si>
  <si>
    <t>文教大学　湘南キャンパス</t>
    <rPh sb="0" eb="4">
      <t>ブンキョウダイガク</t>
    </rPh>
    <rPh sb="5" eb="7">
      <t>ショウナン</t>
    </rPh>
    <phoneticPr fontId="2"/>
  </si>
  <si>
    <t>・茅ヶ崎駅北口よりバス約25分
・湘南台駅西口よりバス約20分</t>
    <rPh sb="1" eb="7">
      <t>チガサキエ</t>
    </rPh>
    <rPh sb="11" eb="12">
      <t>ヤク</t>
    </rPh>
    <rPh sb="14" eb="15">
      <t>フン</t>
    </rPh>
    <rPh sb="17" eb="21">
      <t>ショウナンダイエキ</t>
    </rPh>
    <rPh sb="21" eb="23">
      <t>ニシグチ</t>
    </rPh>
    <rPh sb="27" eb="28">
      <t>ヤク</t>
    </rPh>
    <rPh sb="30" eb="31">
      <t>フン</t>
    </rPh>
    <phoneticPr fontId="2"/>
  </si>
  <si>
    <t>文教大学地域連携センター</t>
    <rPh sb="0" eb="8">
      <t>ブンキョウダイガクチイキレンケイ</t>
    </rPh>
    <phoneticPr fontId="2"/>
  </si>
  <si>
    <t>文教大学地域連携センター</t>
    <phoneticPr fontId="2"/>
  </si>
  <si>
    <t>https://shougai.bunkyo.ac.jp/</t>
    <phoneticPr fontId="2"/>
  </si>
  <si>
    <t>暮らしの書道
―名文を書く　小筆・ボールペン―</t>
    <phoneticPr fontId="2"/>
  </si>
  <si>
    <t>暮らしに役立つ書の基礎編として、文学作品を素材とした講師揮毫の手本にて、小筆・ボールペンを使って学習していきます。基礎力を養うことを目標とします。
書道用具をお持ちでない方は、初回に講師が相談に乗ります。</t>
    <phoneticPr fontId="2"/>
  </si>
  <si>
    <t>書道　行書を学ぶ
―唐　祭姪文稿（顔真卿)―</t>
    <phoneticPr fontId="2"/>
  </si>
  <si>
    <t>筆の持ち方からスタートし、行書の名品「祭姪文稿（顔真卿）」を通じて基本的な筆遣いを学習します。半紙2～6文字程度の作品制作から「書の楽しさ」を味わいます。
はじめての方から経験者まで受講可能です。
書道用具をお持ちでない方は、初回に講師が相談に乗ります。</t>
    <phoneticPr fontId="2"/>
  </si>
  <si>
    <t>「あたたかく」伝わる〈ひらがな〉のちから
―美しい日本語を書く／話す　その1―</t>
    <phoneticPr fontId="2"/>
  </si>
  <si>
    <t>日本語は世界でも珍しい「漢字かな交じり文」です。その昔、話しことばだけだった「やまとことば」を、書きことばである「漢字」の意味と発音を借りて「万葉仮名」を発明しました。これが〈ひらがな〉のもとです。その１では、「あたたかく」伝わる〈ひらがな〉のちからについて学びます。</t>
    <phoneticPr fontId="2"/>
  </si>
  <si>
    <t>「やさしく」伝わる〈ひらがな〉のちから　
―美しい日本語を書く／話す　その2―</t>
    <phoneticPr fontId="2"/>
  </si>
  <si>
    <t>四角い「漢字」・とんがった「カタカナ」・まあるい〈ひらがな〉コミュニケーションのなかで、やさしい〈思い〉が届くのは、やはり〈ひらがな〉の「あいさつ」でしょう。漢字の「仏」は〈ひらがな〉で「ほとけ（解け）」です。その２では、「やさしく」伝える〈ひらがな〉のちからについて学びます。</t>
  </si>
  <si>
    <t>翻訳で世界が読めるかPart2
―伝わるコト伝わらないコト―</t>
    <phoneticPr fontId="2"/>
  </si>
  <si>
    <t>私たちが外国作品（映画も含む）を読み、観る場合、多くは翻訳に頼ります。その際、その訳に疑いを抱くことは稀です。しかし翻訳は、はたして100%原作を伝えているのでしょうか。本講座では文学作品、そして映画の字幕を原作と対照して読むことで、翻訳のあり方を探ります。</t>
    <phoneticPr fontId="2"/>
  </si>
  <si>
    <t>学んでいきいきパワーアップ！
中国語会話講座
―脳も体も活性化ができて一石二鳥―</t>
    <phoneticPr fontId="2"/>
  </si>
  <si>
    <t>本講座は会話中心の中国語講座です。コミュニケーションに必要な文型を習得することができるほか、「中国語でストレッチ」等の授業活動を通して健康の増進にもつながります。学習者のレベルに合わせて内容を調整し、初心者から上級者までどなたでも楽しめます。ぜひ参加して共に元気よく学びましょう！</t>
  </si>
  <si>
    <t>歴史がおもしろい
―歴史のないものはない―</t>
    <phoneticPr fontId="2"/>
  </si>
  <si>
    <t>私たちは、現在の視点に立って、自分の興味・関心や問題意識などから歴史を紐解くことがあります。その意味でも「歴史は現在と過去との対話である」といえます。また、物事には必ず歴史があります。歴史のないものはないのです。歴史を知ると物事に対する見方や考え方が変わります。</t>
    <phoneticPr fontId="2"/>
  </si>
  <si>
    <t>ともに学ぶ近現代史⑷
―中学歴史教科書を教材にして、日本の近現代史を学ぶ―</t>
    <phoneticPr fontId="2"/>
  </si>
  <si>
    <t>池上彰氏お勧めの話題の中学歴史教科書『ともに学ぶ人間の歴史』を主要教材にして、日本の近現代を学びます。その際、できるだけ神奈川県との係わりについてふれます。人は過去(歴史)から何を学ぶかによって、現在や未来が変容します。人間は歴史から学ぶことができる唯一の動物といわれています。</t>
    <phoneticPr fontId="2"/>
  </si>
  <si>
    <t>教育講演会</t>
    <rPh sb="0" eb="5">
      <t>キョウイクコウエンカイ</t>
    </rPh>
    <phoneticPr fontId="2"/>
  </si>
  <si>
    <t>横浜ユーラシア文化館の副館長である伊藤泉美氏による「横浜中華街の歴史と今」という演題の講演会です。</t>
    <rPh sb="0" eb="2">
      <t>ヨコハマ</t>
    </rPh>
    <rPh sb="7" eb="10">
      <t>ブンカカン</t>
    </rPh>
    <rPh sb="11" eb="14">
      <t>フクカンチョウ</t>
    </rPh>
    <rPh sb="17" eb="20">
      <t>イトウイズミ</t>
    </rPh>
    <rPh sb="20" eb="21">
      <t>ミ</t>
    </rPh>
    <rPh sb="21" eb="22">
      <t>シ</t>
    </rPh>
    <rPh sb="26" eb="31">
      <t>ヨコハマチュウカガイ</t>
    </rPh>
    <rPh sb="32" eb="34">
      <t>レキシ</t>
    </rPh>
    <rPh sb="35" eb="36">
      <t>イマ</t>
    </rPh>
    <rPh sb="40" eb="42">
      <t>エンダイ</t>
    </rPh>
    <rPh sb="43" eb="46">
      <t>コウエンカイ</t>
    </rPh>
    <phoneticPr fontId="2"/>
  </si>
  <si>
    <t>横浜市社会福祉センター　ホール</t>
    <rPh sb="0" eb="3">
      <t>ヨコハマシ</t>
    </rPh>
    <rPh sb="3" eb="7">
      <t>シャカイフクシ</t>
    </rPh>
    <phoneticPr fontId="2"/>
  </si>
  <si>
    <t>桜木町駅</t>
    <rPh sb="0" eb="3">
      <t>サクラギチョウ</t>
    </rPh>
    <rPh sb="3" eb="4">
      <t>エキ</t>
    </rPh>
    <phoneticPr fontId="2"/>
  </si>
  <si>
    <t>横浜市連合退職校長会</t>
    <rPh sb="0" eb="3">
      <t>ヨコハマシ</t>
    </rPh>
    <rPh sb="3" eb="10">
      <t>レンゴウタイショクコウチョウカイ</t>
    </rPh>
    <phoneticPr fontId="2"/>
  </si>
  <si>
    <t>横浜市立中学校退職校長会</t>
    <rPh sb="0" eb="2">
      <t>ヨコハマ</t>
    </rPh>
    <rPh sb="2" eb="3">
      <t>シ</t>
    </rPh>
    <rPh sb="3" eb="4">
      <t>リツ</t>
    </rPh>
    <rPh sb="4" eb="7">
      <t>チュウガッコウ</t>
    </rPh>
    <rPh sb="7" eb="12">
      <t>タイショクコウチョウカイ</t>
    </rPh>
    <phoneticPr fontId="2"/>
  </si>
  <si>
    <t>https://www.yokohama-seikokai.org/</t>
    <phoneticPr fontId="2"/>
  </si>
  <si>
    <t>昭和音楽大学＆ソウル市立大校交流コンサート</t>
    <rPh sb="0" eb="6">
      <t>ショウ</t>
    </rPh>
    <rPh sb="10" eb="13">
      <t>シリツダイ</t>
    </rPh>
    <rPh sb="13" eb="14">
      <t>コウ</t>
    </rPh>
    <rPh sb="14" eb="16">
      <t>コウリュウ</t>
    </rPh>
    <phoneticPr fontId="2"/>
  </si>
  <si>
    <t>昭和音楽大学とソウル市立大学校の声楽・ピアノ・器楽を専攻する学生による音楽交流コンサートです。</t>
    <rPh sb="0" eb="6">
      <t>ショウ</t>
    </rPh>
    <rPh sb="10" eb="12">
      <t>シリツ</t>
    </rPh>
    <rPh sb="12" eb="15">
      <t>ダイガッコウ</t>
    </rPh>
    <rPh sb="16" eb="18">
      <t>セイガク</t>
    </rPh>
    <rPh sb="23" eb="25">
      <t>キガク</t>
    </rPh>
    <rPh sb="26" eb="28">
      <t>センコウ</t>
    </rPh>
    <rPh sb="30" eb="32">
      <t>ガクセイ</t>
    </rPh>
    <rPh sb="35" eb="37">
      <t>オンガク</t>
    </rPh>
    <rPh sb="37" eb="39">
      <t>コウリュウ</t>
    </rPh>
    <phoneticPr fontId="2"/>
  </si>
  <si>
    <t>昭和音楽大学　南校舎５階ユリホール</t>
  </si>
  <si>
    <t xml:space="preserve">
小田急線新百合ヶ丘駅</t>
    <rPh sb="1" eb="4">
      <t>オダキュウ</t>
    </rPh>
    <rPh sb="4" eb="5">
      <t>セン</t>
    </rPh>
    <rPh sb="5" eb="6">
      <t>シン</t>
    </rPh>
    <rPh sb="6" eb="8">
      <t>ユリ</t>
    </rPh>
    <rPh sb="9" eb="10">
      <t>オカ</t>
    </rPh>
    <rPh sb="10" eb="11">
      <t>エキ</t>
    </rPh>
    <phoneticPr fontId="2"/>
  </si>
  <si>
    <t>学校法人東成学園　昭和音楽大学・昭和音楽大学短期大学部</t>
    <rPh sb="0" eb="4">
      <t>ガッコウホウジン</t>
    </rPh>
    <rPh sb="4" eb="8">
      <t>ヒガシセイガクエン</t>
    </rPh>
    <rPh sb="9" eb="15">
      <t>ショウワオンガクダイガク</t>
    </rPh>
    <rPh sb="16" eb="22">
      <t>ショウワオンガクダイガク</t>
    </rPh>
    <rPh sb="22" eb="25">
      <t>タンキダイ</t>
    </rPh>
    <rPh sb="25" eb="27">
      <t>ガクブ</t>
    </rPh>
    <phoneticPr fontId="2"/>
  </si>
  <si>
    <t>昭和音楽大学
チケットセンター
平日10時～18時
（土日祝日を除く）</t>
    <rPh sb="0" eb="2">
      <t>ショウワ</t>
    </rPh>
    <rPh sb="2" eb="4">
      <t>オンガク</t>
    </rPh>
    <rPh sb="4" eb="6">
      <t>ダイガク</t>
    </rPh>
    <rPh sb="16" eb="18">
      <t>ヘイジツ</t>
    </rPh>
    <rPh sb="20" eb="21">
      <t>ジ</t>
    </rPh>
    <rPh sb="24" eb="25">
      <t>ジ</t>
    </rPh>
    <rPh sb="27" eb="29">
      <t>ドニチ</t>
    </rPh>
    <rPh sb="29" eb="31">
      <t>シュクジツ</t>
    </rPh>
    <rPh sb="32" eb="33">
      <t>ノゾ</t>
    </rPh>
    <phoneticPr fontId="2"/>
  </si>
  <si>
    <t>https://www.tosei-showa-music.ac.jp/</t>
  </si>
  <si>
    <t>昭和音楽大学 打楽器教員によるSHOWA Percussion Ensemble 2025</t>
    <rPh sb="0" eb="6">
      <t>ショウ</t>
    </rPh>
    <rPh sb="7" eb="10">
      <t>ダガッキ</t>
    </rPh>
    <rPh sb="10" eb="12">
      <t>キョウイン</t>
    </rPh>
    <phoneticPr fontId="2"/>
  </si>
  <si>
    <t>本学客員教授の菅原淳先生が編曲したオーケストラ作品を、打楽器アンサンブルで演奏いたします。</t>
    <rPh sb="0" eb="4">
      <t>ホンガクキャクイン</t>
    </rPh>
    <rPh sb="4" eb="6">
      <t>キョウジュ</t>
    </rPh>
    <rPh sb="7" eb="10">
      <t>スガハラアツシ</t>
    </rPh>
    <rPh sb="10" eb="12">
      <t>センセイ</t>
    </rPh>
    <rPh sb="13" eb="15">
      <t>ヘンキョク</t>
    </rPh>
    <rPh sb="23" eb="25">
      <t>サクヒン</t>
    </rPh>
    <rPh sb="27" eb="30">
      <t>ダガッキ</t>
    </rPh>
    <rPh sb="37" eb="39">
      <t>エンソウ</t>
    </rPh>
    <phoneticPr fontId="2"/>
  </si>
  <si>
    <t>昭和音楽大学　南校舎５階ユリホール</t>
    <phoneticPr fontId="2"/>
  </si>
  <si>
    <t>受験講習会</t>
    <phoneticPr fontId="2"/>
  </si>
  <si>
    <t>音楽大学の講師によるレッスンを受ける機会を中・高生に対して提供するイベント</t>
    <phoneticPr fontId="2"/>
  </si>
  <si>
    <t>昭和音楽大学南校舎</t>
  </si>
  <si>
    <t>小田急線新百合ヶ丘駅</t>
    <phoneticPr fontId="2"/>
  </si>
  <si>
    <t>音楽大学に興味・関心のある人</t>
    <rPh sb="0" eb="4">
      <t>オンガクダイガク</t>
    </rPh>
    <rPh sb="5" eb="7">
      <t>キョウミ</t>
    </rPh>
    <rPh sb="8" eb="10">
      <t>カンシン</t>
    </rPh>
    <rPh sb="13" eb="14">
      <t>ヒト</t>
    </rPh>
    <phoneticPr fontId="2"/>
  </si>
  <si>
    <t>昭和音楽大学
入試広報室
平日10時～18時
（土日祝日を除く）</t>
    <rPh sb="0" eb="6">
      <t>ショウワオンガクダイガク</t>
    </rPh>
    <rPh sb="7" eb="12">
      <t>ニュウシコウホウシツ</t>
    </rPh>
    <phoneticPr fontId="2"/>
  </si>
  <si>
    <t>https://www.tosei-showa-music.ac.jp/admission/</t>
  </si>
  <si>
    <t>音楽教養講座
「《音楽史の世界》ロシア国民楽派とチャイコフスキー」第2回</t>
    <rPh sb="0" eb="6">
      <t>オンガクキョウヨウコウザ</t>
    </rPh>
    <rPh sb="9" eb="12">
      <t>オンガクシ</t>
    </rPh>
    <rPh sb="13" eb="15">
      <t>セカイ</t>
    </rPh>
    <rPh sb="19" eb="23">
      <t>コクミンガクハ</t>
    </rPh>
    <rPh sb="33" eb="34">
      <t>ダイ</t>
    </rPh>
    <rPh sb="35" eb="36">
      <t>カイ</t>
    </rPh>
    <phoneticPr fontId="2"/>
  </si>
  <si>
    <t>ロシア国民楽派、そして交響曲・協奏曲・バレエ音楽など多種多様なチャイコフスキーの作品とロシア音楽の魅力に迫ります。
（講師：米田かおり）</t>
    <rPh sb="59" eb="61">
      <t>コウシ</t>
    </rPh>
    <rPh sb="62" eb="64">
      <t>ヨネダ</t>
    </rPh>
    <phoneticPr fontId="2"/>
  </si>
  <si>
    <t>昭和音楽大学　南校舎５階C511教室</t>
    <phoneticPr fontId="2"/>
  </si>
  <si>
    <t>昭和音楽大学
地域連携推進室
平日10時～17時
（土日祝日を除く）</t>
    <rPh sb="0" eb="2">
      <t>ショウワ</t>
    </rPh>
    <rPh sb="2" eb="4">
      <t>オンガク</t>
    </rPh>
    <rPh sb="4" eb="6">
      <t>ダイガク</t>
    </rPh>
    <rPh sb="7" eb="9">
      <t>チイキ</t>
    </rPh>
    <rPh sb="9" eb="11">
      <t>レンケイ</t>
    </rPh>
    <rPh sb="11" eb="13">
      <t>スイシン</t>
    </rPh>
    <rPh sb="13" eb="14">
      <t>シツ</t>
    </rPh>
    <rPh sb="15" eb="17">
      <t>ヘイジツ</t>
    </rPh>
    <rPh sb="19" eb="20">
      <t>ジ</t>
    </rPh>
    <rPh sb="23" eb="24">
      <t>ジ</t>
    </rPh>
    <rPh sb="26" eb="28">
      <t>ドニチ</t>
    </rPh>
    <rPh sb="28" eb="30">
      <t>シュクジツ</t>
    </rPh>
    <rPh sb="31" eb="32">
      <t>ノゾ</t>
    </rPh>
    <phoneticPr fontId="2"/>
  </si>
  <si>
    <t>https://www.tosei-showa-music.ac.jp/</t>
    <phoneticPr fontId="2"/>
  </si>
  <si>
    <t xml:space="preserve">音楽療法特別講座
「モーツアルトで免疫力UP！～心と体にいいクラシック」
</t>
    <phoneticPr fontId="2"/>
  </si>
  <si>
    <t>モーツァルトの音楽を聴くことで気分が良くなり、どのように免疫力を高め、よい変化をもたらすかを、脳の構造や免疫の仕組みなどを含めてお話します。（講師：小林修三）</t>
    <rPh sb="71" eb="73">
      <t>コウシ</t>
    </rPh>
    <rPh sb="74" eb="78">
      <t>コバヤシシュウゾウ</t>
    </rPh>
    <phoneticPr fontId="2"/>
  </si>
  <si>
    <t>昭和音楽大学大学オペラ2025
オペラ《ラ・ボエーム》</t>
    <rPh sb="0" eb="6">
      <t>ショウ</t>
    </rPh>
    <rPh sb="6" eb="8">
      <t>ダイガク</t>
    </rPh>
    <phoneticPr fontId="2"/>
  </si>
  <si>
    <t>「文化庁  令和7年度　大学における芸術家等育成事業「グローバルな舞台で活躍する新進芸術家育成プログラム」の一環でオペラ公演を開催。イタリア人指揮者・演出家の下で、オーディションで選ばれたソリストと本学学生の合唱・オーケストラなどが創り上げる本格的舞台。</t>
    <phoneticPr fontId="2"/>
  </si>
  <si>
    <t>昭和音楽大学テアトロ・ジーリオ・ショウワ</t>
    <rPh sb="0" eb="6">
      <t>ショウワ</t>
    </rPh>
    <phoneticPr fontId="2"/>
  </si>
  <si>
    <t>オープンキャンパス</t>
    <phoneticPr fontId="2"/>
  </si>
  <si>
    <t>大学オペラ公演にあわせておこなうオープンキャンパス</t>
    <rPh sb="0" eb="2">
      <t>ダイガク</t>
    </rPh>
    <rPh sb="5" eb="7">
      <t>コウエン</t>
    </rPh>
    <phoneticPr fontId="2"/>
  </si>
  <si>
    <t>昭和音楽大学南校舎</t>
    <rPh sb="0" eb="6">
      <t>ショウワオンガクダイガク</t>
    </rPh>
    <rPh sb="6" eb="9">
      <t>ミナミコウシャ</t>
    </rPh>
    <phoneticPr fontId="2"/>
  </si>
  <si>
    <t>市民アカデミー大学連携講座「１９世紀　変化する社会とオペラ」
「ブルジョワの台頭とオペラの題材・作風の変化」</t>
    <rPh sb="0" eb="2">
      <t>シミン</t>
    </rPh>
    <rPh sb="7" eb="9">
      <t>ダイガク</t>
    </rPh>
    <rPh sb="9" eb="11">
      <t>レンケイ</t>
    </rPh>
    <rPh sb="11" eb="13">
      <t>コウザ</t>
    </rPh>
    <phoneticPr fontId="2"/>
  </si>
  <si>
    <t>長い伝統を持つヨーロッパのオペラは、１９世紀に急速に進行する社会変革をたくましく吸収しながら、時代に合った豪華な花を咲かせました。               　　                          今回の講座では、この時代の文化の新たな担い手になったブルジョワ階級とオペラの題材の関係に注目し、その観点からいくつかの作品を紹介します。
(講師：小畑　恒夫 客員教授</t>
    <phoneticPr fontId="2"/>
  </si>
  <si>
    <t>https://kawasaki-c-academy.jp/</t>
    <phoneticPr fontId="2"/>
  </si>
  <si>
    <t>音楽教養講座
「《音楽史の世界》ロシア国民楽派とチャイコフスキー」第3回</t>
    <rPh sb="0" eb="6">
      <t>オンガクキョウヨウコウザ</t>
    </rPh>
    <rPh sb="9" eb="12">
      <t>オンガクシ</t>
    </rPh>
    <rPh sb="13" eb="15">
      <t>セカイ</t>
    </rPh>
    <rPh sb="19" eb="23">
      <t>コクミンガクハ</t>
    </rPh>
    <rPh sb="33" eb="34">
      <t>ダイ</t>
    </rPh>
    <rPh sb="35" eb="36">
      <t>カイ</t>
    </rPh>
    <phoneticPr fontId="2"/>
  </si>
  <si>
    <t>市民アカデミー大学連携講座「１９世紀　変化する社会とオペラ」
「マスカーニ《友人フリッツ》1891」</t>
    <rPh sb="0" eb="2">
      <t>シミン</t>
    </rPh>
    <rPh sb="7" eb="9">
      <t>ダイガク</t>
    </rPh>
    <rPh sb="9" eb="11">
      <t>レンケイ</t>
    </rPh>
    <rPh sb="11" eb="13">
      <t>コウザ</t>
    </rPh>
    <phoneticPr fontId="2"/>
  </si>
  <si>
    <t>長い伝統を持つヨーロッパのオペラは、１９世紀に急速に進行する社会変革をたくましく吸収しながら、時代に合った豪華な花を咲かせました。               　　                          今回の講座では、この時代の文化の新たな担い手になったブルジョワ階級とオペラの題材の関係に注目し、その観点からいくつかの作品を紹介します。
(講師：森田　学 准教授)</t>
    <phoneticPr fontId="2"/>
  </si>
  <si>
    <t>昭和音楽大学
第32回コンチェルト定期演奏会①</t>
    <rPh sb="0" eb="2">
      <t>ショウワ</t>
    </rPh>
    <rPh sb="2" eb="4">
      <t>オンガク</t>
    </rPh>
    <rPh sb="4" eb="6">
      <t>ダイガク</t>
    </rPh>
    <rPh sb="7" eb="8">
      <t>ダイ</t>
    </rPh>
    <rPh sb="10" eb="11">
      <t>カイ</t>
    </rPh>
    <rPh sb="17" eb="19">
      <t>テイキ</t>
    </rPh>
    <rPh sb="19" eb="22">
      <t>エンソウカイ</t>
    </rPh>
    <phoneticPr fontId="2"/>
  </si>
  <si>
    <t>本学在学中のピアノや弦管打楽器の専攻生から選ばれた成績優秀者の独奏による協奏曲の演奏会です。</t>
    <rPh sb="0" eb="2">
      <t>ホンガク</t>
    </rPh>
    <rPh sb="2" eb="5">
      <t>ザイガクチュウ</t>
    </rPh>
    <rPh sb="10" eb="11">
      <t>ゲン</t>
    </rPh>
    <rPh sb="11" eb="12">
      <t>カン</t>
    </rPh>
    <rPh sb="12" eb="15">
      <t>ダガッキ</t>
    </rPh>
    <rPh sb="16" eb="18">
      <t>センコウ</t>
    </rPh>
    <rPh sb="18" eb="19">
      <t>セイ</t>
    </rPh>
    <rPh sb="21" eb="22">
      <t>エラ</t>
    </rPh>
    <rPh sb="25" eb="27">
      <t>セイセキ</t>
    </rPh>
    <rPh sb="27" eb="29">
      <t>ユウシュウ</t>
    </rPh>
    <rPh sb="29" eb="30">
      <t>シャ</t>
    </rPh>
    <rPh sb="31" eb="33">
      <t>ドクソウ</t>
    </rPh>
    <rPh sb="36" eb="39">
      <t>キョウソウキョク</t>
    </rPh>
    <rPh sb="40" eb="43">
      <t>エンソウカイ</t>
    </rPh>
    <phoneticPr fontId="2"/>
  </si>
  <si>
    <t>昭和音楽大学
第23回学長賞声楽コンクール(本選)</t>
    <rPh sb="0" eb="2">
      <t>ショウワ</t>
    </rPh>
    <rPh sb="2" eb="4">
      <t>オンガク</t>
    </rPh>
    <rPh sb="4" eb="6">
      <t>ダイガク</t>
    </rPh>
    <rPh sb="7" eb="8">
      <t>ダイ</t>
    </rPh>
    <rPh sb="10" eb="11">
      <t>カイ</t>
    </rPh>
    <rPh sb="11" eb="13">
      <t>ガクチョウ</t>
    </rPh>
    <rPh sb="13" eb="14">
      <t>ショウ</t>
    </rPh>
    <rPh sb="14" eb="16">
      <t>セイガク</t>
    </rPh>
    <rPh sb="22" eb="24">
      <t>ホンセン</t>
    </rPh>
    <phoneticPr fontId="2"/>
  </si>
  <si>
    <t>予選を通過した学生がイタリア歌曲などで実力を競う声楽コンクール。昨年度受賞者によるミニコンサートも開催予定です。</t>
    <rPh sb="0" eb="2">
      <t>ヨセン</t>
    </rPh>
    <rPh sb="3" eb="5">
      <t>ツウカ</t>
    </rPh>
    <rPh sb="7" eb="9">
      <t>ガクセイ</t>
    </rPh>
    <rPh sb="14" eb="16">
      <t>カキョク</t>
    </rPh>
    <rPh sb="19" eb="21">
      <t>ジツリョク</t>
    </rPh>
    <rPh sb="22" eb="23">
      <t>キソ</t>
    </rPh>
    <rPh sb="24" eb="26">
      <t>セイガク</t>
    </rPh>
    <rPh sb="32" eb="35">
      <t>サクネンド</t>
    </rPh>
    <rPh sb="35" eb="38">
      <t>ジュショウシャ</t>
    </rPh>
    <rPh sb="49" eb="51">
      <t>カイサイ</t>
    </rPh>
    <rPh sb="51" eb="53">
      <t>ヨテイ</t>
    </rPh>
    <phoneticPr fontId="2"/>
  </si>
  <si>
    <t>昭和音楽大学
演奏支援室
平日10時～18時
（土日祝日を除く）</t>
    <rPh sb="0" eb="2">
      <t>ショウワ</t>
    </rPh>
    <rPh sb="2" eb="4">
      <t>オンガク</t>
    </rPh>
    <rPh sb="4" eb="6">
      <t>ダイガク</t>
    </rPh>
    <rPh sb="7" eb="9">
      <t>エンソウ</t>
    </rPh>
    <rPh sb="9" eb="12">
      <t>シエンシツ</t>
    </rPh>
    <rPh sb="13" eb="15">
      <t>ヘイジツ</t>
    </rPh>
    <rPh sb="17" eb="18">
      <t>ジ</t>
    </rPh>
    <rPh sb="21" eb="22">
      <t>ジ</t>
    </rPh>
    <rPh sb="24" eb="26">
      <t>ドニチ</t>
    </rPh>
    <rPh sb="26" eb="28">
      <t>シュクジツ</t>
    </rPh>
    <rPh sb="29" eb="30">
      <t>ノゾ</t>
    </rPh>
    <phoneticPr fontId="2"/>
  </si>
  <si>
    <t>市民アカデミー大学連携講座「１９世紀　変化する社会とオペラ」
「フンパーディンク《ヘンゼルとグレーテル》1893</t>
    <rPh sb="0" eb="2">
      <t>シミン</t>
    </rPh>
    <rPh sb="7" eb="9">
      <t>ダイガク</t>
    </rPh>
    <rPh sb="9" eb="11">
      <t>レンケイ</t>
    </rPh>
    <rPh sb="11" eb="13">
      <t>コウザ</t>
    </rPh>
    <phoneticPr fontId="2"/>
  </si>
  <si>
    <t>長い伝統を持つヨーロッパのオペラは、１９世紀に急速に進行する社会変革をたくましく吸収しながら、時代に合った豪華な花を咲かせました。               　　                          今回の講座では、この時代の文化の新たな担い手になったブルジョワ階級とオペラの題材の関係に注目し、その観点からいくつかの作品を紹介します。
(講師：石川　亮子 准教授)</t>
    <phoneticPr fontId="2"/>
  </si>
  <si>
    <t>第54回昭和音大祭</t>
    <rPh sb="0" eb="1">
      <t>ダイ</t>
    </rPh>
    <rPh sb="3" eb="4">
      <t>カイ</t>
    </rPh>
    <rPh sb="4" eb="8">
      <t>ショウワオンダイ</t>
    </rPh>
    <rPh sb="8" eb="9">
      <t>マツ</t>
    </rPh>
    <phoneticPr fontId="2"/>
  </si>
  <si>
    <t>学内のステージで、サークルや有志団体による公演が行われます.</t>
    <rPh sb="0" eb="2">
      <t>ガクナイ</t>
    </rPh>
    <rPh sb="14" eb="16">
      <t>ユウシ</t>
    </rPh>
    <rPh sb="16" eb="18">
      <t>ダンタイ</t>
    </rPh>
    <rPh sb="21" eb="23">
      <t>コウエン</t>
    </rPh>
    <rPh sb="24" eb="25">
      <t>オコナ</t>
    </rPh>
    <phoneticPr fontId="2"/>
  </si>
  <si>
    <t>未定</t>
    <rPh sb="0" eb="2">
      <t>ミテイ</t>
    </rPh>
    <phoneticPr fontId="2"/>
  </si>
  <si>
    <t>昭和音楽大学学生会</t>
    <rPh sb="0" eb="2">
      <t>ショウワ</t>
    </rPh>
    <rPh sb="2" eb="4">
      <t>オンガク</t>
    </rPh>
    <rPh sb="4" eb="6">
      <t>ダイガク</t>
    </rPh>
    <rPh sb="6" eb="8">
      <t>ガクセイ</t>
    </rPh>
    <rPh sb="8" eb="9">
      <t>カイ</t>
    </rPh>
    <phoneticPr fontId="2"/>
  </si>
  <si>
    <t>オープンキャンパス</t>
  </si>
  <si>
    <t>昭和音大祭に併せて行うオープンキャンパス</t>
    <rPh sb="0" eb="4">
      <t>ショウワオンダイ</t>
    </rPh>
    <rPh sb="4" eb="5">
      <t>マツ</t>
    </rPh>
    <rPh sb="6" eb="7">
      <t>アワ</t>
    </rPh>
    <rPh sb="9" eb="10">
      <t>オコナ</t>
    </rPh>
    <phoneticPr fontId="2"/>
  </si>
  <si>
    <t>昭和音楽大学
第3回作曲コンクール</t>
    <rPh sb="10" eb="12">
      <t>サッキョク</t>
    </rPh>
    <phoneticPr fontId="2"/>
  </si>
  <si>
    <t>作曲系各専攻の学生が作品を披露する学内コンクールです。</t>
    <rPh sb="0" eb="2">
      <t>サッキョク</t>
    </rPh>
    <rPh sb="2" eb="3">
      <t>ケイ</t>
    </rPh>
    <rPh sb="3" eb="4">
      <t>カク</t>
    </rPh>
    <rPh sb="4" eb="6">
      <t>センコウ</t>
    </rPh>
    <rPh sb="7" eb="9">
      <t>ガクセイ</t>
    </rPh>
    <rPh sb="10" eb="12">
      <t>サクヒン</t>
    </rPh>
    <rPh sb="13" eb="15">
      <t>ヒロウ</t>
    </rPh>
    <rPh sb="17" eb="19">
      <t>ガクナイ</t>
    </rPh>
    <phoneticPr fontId="2"/>
  </si>
  <si>
    <t>昭和音楽大学南校舎５階ユリホール</t>
    <rPh sb="0" eb="6">
      <t>ショウワ</t>
    </rPh>
    <rPh sb="6" eb="7">
      <t>ミナミ</t>
    </rPh>
    <rPh sb="7" eb="9">
      <t>コウシャ</t>
    </rPh>
    <rPh sb="10" eb="11">
      <t>カイ</t>
    </rPh>
    <phoneticPr fontId="2"/>
  </si>
  <si>
    <t>昭和音楽大学
第32回コンチェルト定期演奏会②</t>
    <rPh sb="0" eb="2">
      <t>ショウワ</t>
    </rPh>
    <rPh sb="2" eb="4">
      <t>オンガク</t>
    </rPh>
    <rPh sb="4" eb="6">
      <t>ダイガク</t>
    </rPh>
    <rPh sb="7" eb="8">
      <t>ダイ</t>
    </rPh>
    <rPh sb="10" eb="11">
      <t>カイ</t>
    </rPh>
    <rPh sb="17" eb="19">
      <t>テイキ</t>
    </rPh>
    <rPh sb="19" eb="22">
      <t>エンソウカイ</t>
    </rPh>
    <phoneticPr fontId="2"/>
  </si>
  <si>
    <t>バッハの作品について
（第一回）</t>
    <rPh sb="4" eb="6">
      <t>サクヒン</t>
    </rPh>
    <rPh sb="12" eb="15">
      <t>ダイイッカイ</t>
    </rPh>
    <phoneticPr fontId="2"/>
  </si>
  <si>
    <t>バッハが残した宗教作品について演奏を聴きながら作曲された背景や経緯などを探ります。
バッハの音楽の奥深さと魅力に触れていきます。（講師：黒田隆）</t>
    <rPh sb="4" eb="5">
      <t>ノコ</t>
    </rPh>
    <rPh sb="7" eb="9">
      <t>シュウキョウ</t>
    </rPh>
    <rPh sb="9" eb="11">
      <t>サクヒン</t>
    </rPh>
    <rPh sb="15" eb="17">
      <t>エンソウ</t>
    </rPh>
    <rPh sb="18" eb="19">
      <t>キ</t>
    </rPh>
    <rPh sb="23" eb="25">
      <t>サッキョク</t>
    </rPh>
    <rPh sb="28" eb="30">
      <t>ハイケイ</t>
    </rPh>
    <rPh sb="31" eb="33">
      <t>ケイイ</t>
    </rPh>
    <rPh sb="36" eb="37">
      <t>サグ</t>
    </rPh>
    <rPh sb="46" eb="48">
      <t>オンガク</t>
    </rPh>
    <rPh sb="49" eb="51">
      <t>オクブカ</t>
    </rPh>
    <rPh sb="53" eb="55">
      <t>ミリョク</t>
    </rPh>
    <rPh sb="56" eb="57">
      <t>フ</t>
    </rPh>
    <rPh sb="65" eb="67">
      <t>コウシ</t>
    </rPh>
    <rPh sb="68" eb="71">
      <t>クロダタカシ</t>
    </rPh>
    <phoneticPr fontId="2"/>
  </si>
  <si>
    <t>昭和音楽大学
第14回アンサンブルコンクール</t>
    <phoneticPr fontId="2"/>
  </si>
  <si>
    <t>本学生によるピアノを含む様々なアンサンブルの演奏を競うコンクールです。</t>
    <rPh sb="0" eb="2">
      <t>ホンガク</t>
    </rPh>
    <rPh sb="2" eb="3">
      <t>セイ</t>
    </rPh>
    <rPh sb="22" eb="24">
      <t>エンソウ</t>
    </rPh>
    <rPh sb="25" eb="26">
      <t>キソ</t>
    </rPh>
    <phoneticPr fontId="2"/>
  </si>
  <si>
    <t>進路に関する教育相談会</t>
    <rPh sb="0" eb="2">
      <t>シンロ</t>
    </rPh>
    <rPh sb="3" eb="4">
      <t>カン</t>
    </rPh>
    <rPh sb="6" eb="10">
      <t>キョウイクソウダン</t>
    </rPh>
    <rPh sb="10" eb="11">
      <t>カイ</t>
    </rPh>
    <phoneticPr fontId="2"/>
  </si>
  <si>
    <t>平塚市立中学校の２年生を対象にして神奈川県立高校の概要と入試選抜、特別支援学校、さらに高等専修学校について説明します。また、個別の教育相談にも対応します。</t>
    <rPh sb="0" eb="7">
      <t>ヒラツカシリツチュウガッコウ</t>
    </rPh>
    <rPh sb="9" eb="11">
      <t>ネンセイ</t>
    </rPh>
    <rPh sb="12" eb="14">
      <t>タイショウ</t>
    </rPh>
    <rPh sb="17" eb="21">
      <t>カナガワケン</t>
    </rPh>
    <rPh sb="21" eb="22">
      <t>リツ</t>
    </rPh>
    <rPh sb="22" eb="24">
      <t>コウコウ</t>
    </rPh>
    <rPh sb="25" eb="27">
      <t>ガイヨウ</t>
    </rPh>
    <rPh sb="28" eb="32">
      <t>ニュウシセンバツ</t>
    </rPh>
    <rPh sb="33" eb="39">
      <t>トクベツシエンガッコウ</t>
    </rPh>
    <rPh sb="43" eb="49">
      <t>コウトウセンシュウガッコウ</t>
    </rPh>
    <rPh sb="53" eb="55">
      <t>セツメイ</t>
    </rPh>
    <rPh sb="62" eb="64">
      <t>コベツ</t>
    </rPh>
    <rPh sb="65" eb="67">
      <t>キョウイク</t>
    </rPh>
    <rPh sb="67" eb="69">
      <t>ソウダン</t>
    </rPh>
    <rPh sb="71" eb="73">
      <t>タイオウ</t>
    </rPh>
    <phoneticPr fontId="2"/>
  </si>
  <si>
    <t>平塚市民活動センター</t>
    <rPh sb="0" eb="6">
      <t>ヒラツカシミンカツドウ</t>
    </rPh>
    <phoneticPr fontId="2"/>
  </si>
  <si>
    <t>平塚駅</t>
    <rPh sb="0" eb="3">
      <t>ヒラツカエキ</t>
    </rPh>
    <phoneticPr fontId="2"/>
  </si>
  <si>
    <t>NPO教育かながわフォーラム</t>
    <rPh sb="3" eb="5">
      <t>キョウイク</t>
    </rPh>
    <phoneticPr fontId="2"/>
  </si>
  <si>
    <t>平塚市立中学校の２年生とその保護者</t>
    <rPh sb="0" eb="3">
      <t>ヒラツカシ</t>
    </rPh>
    <rPh sb="3" eb="4">
      <t>リツ</t>
    </rPh>
    <rPh sb="4" eb="7">
      <t>チュウガッコウ</t>
    </rPh>
    <rPh sb="9" eb="11">
      <t>ネンセイ</t>
    </rPh>
    <rPh sb="14" eb="17">
      <t>ホゴシャ</t>
    </rPh>
    <phoneticPr fontId="2"/>
  </si>
  <si>
    <t>きのこの観察と同定</t>
    <rPh sb="4" eb="6">
      <t>カンサツ</t>
    </rPh>
    <rPh sb="7" eb="9">
      <t>ドウテイ</t>
    </rPh>
    <phoneticPr fontId="2"/>
  </si>
  <si>
    <t>きのこについての基礎的な講義のあと、博物館近くの山林内できのこ採集を行い、観察を通じて同定のポイントや現在の分類体系を学びます。
◆荒天中止</t>
    <phoneticPr fontId="2"/>
  </si>
  <si>
    <t>神奈川県立生命の星・地球博物館</t>
    <rPh sb="0" eb="5">
      <t>カナガワケンリツ</t>
    </rPh>
    <rPh sb="5" eb="7">
      <t>セイメイ</t>
    </rPh>
    <rPh sb="8" eb="9">
      <t>ホシ</t>
    </rPh>
    <rPh sb="10" eb="12">
      <t>チキュウ</t>
    </rPh>
    <rPh sb="12" eb="15">
      <t>ハクブツカン</t>
    </rPh>
    <phoneticPr fontId="2"/>
  </si>
  <si>
    <t>入生田駅</t>
    <rPh sb="0" eb="3">
      <t>イリウダ</t>
    </rPh>
    <rPh sb="3" eb="4">
      <t>エキ</t>
    </rPh>
    <phoneticPr fontId="2"/>
  </si>
  <si>
    <t>神奈川県立生命の星・地球博物館</t>
    <rPh sb="0" eb="7">
      <t>カナガワケンリツセイメイ</t>
    </rPh>
    <rPh sb="8" eb="9">
      <t>ホシ</t>
    </rPh>
    <rPh sb="10" eb="15">
      <t>チキュウハクブツカン</t>
    </rPh>
    <phoneticPr fontId="2"/>
  </si>
  <si>
    <t>小学４年生～成人25人</t>
    <rPh sb="0" eb="2">
      <t>ショウガク</t>
    </rPh>
    <rPh sb="3" eb="5">
      <t>ネンセイ</t>
    </rPh>
    <rPh sb="6" eb="8">
      <t>セイジン</t>
    </rPh>
    <rPh sb="10" eb="11">
      <t>ニン</t>
    </rPh>
    <phoneticPr fontId="2"/>
  </si>
  <si>
    <t>神奈川県立生命の星・地球博物館　企画情報部　企画普及課</t>
    <rPh sb="0" eb="7">
      <t>カナガワケンリツセイメイ</t>
    </rPh>
    <rPh sb="8" eb="9">
      <t>ホシ</t>
    </rPh>
    <rPh sb="10" eb="15">
      <t>チキュウハクブツカン</t>
    </rPh>
    <rPh sb="16" eb="18">
      <t>キカク</t>
    </rPh>
    <rPh sb="18" eb="20">
      <t>ジョウホウ</t>
    </rPh>
    <rPh sb="20" eb="21">
      <t>ブ</t>
    </rPh>
    <rPh sb="22" eb="24">
      <t>キカク</t>
    </rPh>
    <rPh sb="24" eb="26">
      <t>フキュウ</t>
    </rPh>
    <rPh sb="26" eb="27">
      <t>カ</t>
    </rPh>
    <phoneticPr fontId="2"/>
  </si>
  <si>
    <t>https://nh.kanagawa-museum.jp/www/contents/1745631008748/index.html</t>
  </si>
  <si>
    <t>絵本『せいめいのれきし』片手に展示を楽しむワークショップ</t>
    <rPh sb="0" eb="2">
      <t>エホン</t>
    </rPh>
    <rPh sb="12" eb="14">
      <t>カタテ</t>
    </rPh>
    <rPh sb="15" eb="17">
      <t>テンジ</t>
    </rPh>
    <rPh sb="18" eb="19">
      <t>タノ</t>
    </rPh>
    <phoneticPr fontId="2"/>
  </si>
  <si>
    <t>バージニア・リー・バートンの名作絵本『せいめいのれきし』を片手に博物館展示を巡るワークショップです。絵本と展示の共通点を発見し、地球と生命の歴史を楽しく学びます。</t>
    <phoneticPr fontId="2"/>
  </si>
  <si>
    <t>成人12人</t>
    <rPh sb="0" eb="2">
      <t>セイジン</t>
    </rPh>
    <rPh sb="4" eb="5">
      <t>ニン</t>
    </rPh>
    <phoneticPr fontId="2"/>
  </si>
  <si>
    <t>https://nh.kanagawa-museum.jp/www/contents/1745634174267/index.html</t>
    <phoneticPr fontId="2"/>
  </si>
  <si>
    <t>地形地質と鳥瞰図の観察会
南足柄</t>
    <rPh sb="0" eb="2">
      <t>チケイ</t>
    </rPh>
    <rPh sb="2" eb="4">
      <t>チシツ</t>
    </rPh>
    <rPh sb="5" eb="8">
      <t>チョウカンズ</t>
    </rPh>
    <rPh sb="9" eb="11">
      <t>カンサツ</t>
    </rPh>
    <rPh sb="11" eb="12">
      <t>カイ</t>
    </rPh>
    <rPh sb="13" eb="16">
      <t>ミナミアシガラ</t>
    </rPh>
    <phoneticPr fontId="2"/>
  </si>
  <si>
    <t>今年度の特別展にちなみ、吉田初三郎・作の「神奈川県鳥瞰図」や「大雄山名所図会」を手に、描かれている名所旧跡や地形を見て歩きます。険しい道は少ないですが、それなりの距離があり、アップダウンもあります。
◆雨天中止</t>
    <phoneticPr fontId="2"/>
  </si>
  <si>
    <t>南足柄市周辺</t>
    <rPh sb="0" eb="4">
      <t>ミナミアシガラシ</t>
    </rPh>
    <rPh sb="4" eb="6">
      <t>シュウヘン</t>
    </rPh>
    <phoneticPr fontId="2"/>
  </si>
  <si>
    <t>大雄山駅</t>
    <rPh sb="0" eb="3">
      <t>ダイユウザン</t>
    </rPh>
    <rPh sb="3" eb="4">
      <t>エキ</t>
    </rPh>
    <phoneticPr fontId="2"/>
  </si>
  <si>
    <t>中学生～成人25人</t>
    <rPh sb="0" eb="3">
      <t>チュウガクセイ</t>
    </rPh>
    <rPh sb="4" eb="6">
      <t>セイジン</t>
    </rPh>
    <rPh sb="8" eb="9">
      <t>ニン</t>
    </rPh>
    <phoneticPr fontId="2"/>
  </si>
  <si>
    <t>https://nh.kanagawa-museum.jp/www/contents/1745635091022/index.html</t>
    <phoneticPr fontId="2"/>
  </si>
  <si>
    <t>ゾウの化石～頭骨を見てみよう～</t>
    <rPh sb="3" eb="5">
      <t>カセキ</t>
    </rPh>
    <rPh sb="6" eb="8">
      <t>トウコツ</t>
    </rPh>
    <rPh sb="9" eb="10">
      <t>ミ</t>
    </rPh>
    <phoneticPr fontId="2"/>
  </si>
  <si>
    <t>鼻が大きく、体も大きくなったゾウ。今でこそ、変わった形のゾウの頭。その頭骨の進化を見てみましょう。また、我々人間と、どこと何が違うでしょうか。動物と動物化石とを比べてみましょう。
◆3日間の参加が条件です。</t>
    <phoneticPr fontId="2"/>
  </si>
  <si>
    <t>高校生～成人10人</t>
    <rPh sb="0" eb="3">
      <t>コウコウセイ</t>
    </rPh>
    <rPh sb="4" eb="6">
      <t>セイジン</t>
    </rPh>
    <rPh sb="8" eb="9">
      <t>ニン</t>
    </rPh>
    <phoneticPr fontId="2"/>
  </si>
  <si>
    <t>https://nh.kanagawa-museum.jp/www/contents/1745641563098/index.html</t>
    <phoneticPr fontId="2"/>
  </si>
  <si>
    <t>先生のための地層と化石入門～砂まじりの茅ケ崎を歩く～</t>
    <rPh sb="0" eb="2">
      <t>センセイ</t>
    </rPh>
    <rPh sb="6" eb="8">
      <t>チソウ</t>
    </rPh>
    <rPh sb="9" eb="11">
      <t>カセキ</t>
    </rPh>
    <rPh sb="11" eb="13">
      <t>ニュウモン</t>
    </rPh>
    <rPh sb="14" eb="15">
      <t>スナ</t>
    </rPh>
    <rPh sb="19" eb="22">
      <t>チガサキ</t>
    </rPh>
    <rPh sb="23" eb="24">
      <t>アル</t>
    </rPh>
    <phoneticPr fontId="2"/>
  </si>
  <si>
    <t>今回は、砂まじりと謳われる茅ヶ崎が舞台。まち歩きで微地形を見ます。初日の実習は、デジタル地図などを利用して特徴的な地形を見つけ共有します。2日目は地図を見ながら実際の地形を感じましょう。
◆2日間の参加が条件です。
　雨天時の野外観察は中止、保険加入は2日目のみ。</t>
    <phoneticPr fontId="2"/>
  </si>
  <si>
    <t>１日目：神奈川県立生命の星・地球博物館　２日目：茅ケ崎市</t>
    <rPh sb="0" eb="2">
      <t>イチニチ</t>
    </rPh>
    <rPh sb="2" eb="3">
      <t>メ</t>
    </rPh>
    <rPh sb="4" eb="9">
      <t>カナガワケンリツ</t>
    </rPh>
    <rPh sb="9" eb="11">
      <t>セイメイ</t>
    </rPh>
    <rPh sb="12" eb="13">
      <t>ホシ</t>
    </rPh>
    <rPh sb="14" eb="19">
      <t>チキュウハクブツカン</t>
    </rPh>
    <rPh sb="21" eb="22">
      <t>ニチ</t>
    </rPh>
    <rPh sb="22" eb="23">
      <t>メ</t>
    </rPh>
    <rPh sb="24" eb="28">
      <t>チガサキシ</t>
    </rPh>
    <phoneticPr fontId="2"/>
  </si>
  <si>
    <t>１日目：入生田駅　２日目：参加者へ連絡</t>
    <rPh sb="1" eb="2">
      <t>ニチ</t>
    </rPh>
    <rPh sb="2" eb="3">
      <t>メ</t>
    </rPh>
    <rPh sb="4" eb="8">
      <t>イリュウダエキ</t>
    </rPh>
    <rPh sb="10" eb="11">
      <t>ニチ</t>
    </rPh>
    <rPh sb="11" eb="12">
      <t>メ</t>
    </rPh>
    <rPh sb="13" eb="16">
      <t>サンカシャ</t>
    </rPh>
    <rPh sb="17" eb="19">
      <t>レンラク</t>
    </rPh>
    <phoneticPr fontId="2"/>
  </si>
  <si>
    <t>教員・成人18人</t>
    <rPh sb="0" eb="2">
      <t>キョウイン</t>
    </rPh>
    <rPh sb="3" eb="5">
      <t>セイジン</t>
    </rPh>
    <rPh sb="7" eb="8">
      <t>ニン</t>
    </rPh>
    <phoneticPr fontId="2"/>
  </si>
  <si>
    <t>https://nh.kanagawa-museum.jp/www/contents/1748499507600/index.html</t>
    <phoneticPr fontId="2"/>
  </si>
  <si>
    <t>あなたのパソコンで地形を見る（一般向け）</t>
    <rPh sb="9" eb="11">
      <t>チケイ</t>
    </rPh>
    <rPh sb="12" eb="13">
      <t>ミ</t>
    </rPh>
    <rPh sb="15" eb="17">
      <t>イッパン</t>
    </rPh>
    <rPh sb="17" eb="18">
      <t>ム</t>
    </rPh>
    <phoneticPr fontId="2"/>
  </si>
  <si>
    <t>今年度の特別展にちなみ、自分のパソコンを使って鳥瞰図を計算する実習をします。基になる地形の知識は、旅や山歩きだけではなく、防災や日々の生活でも役立ち、教職の方には授業に使うこともできると思います。
◆Windows限定、CDドライブ付きノートパソコン要持参</t>
    <phoneticPr fontId="2"/>
  </si>
  <si>
    <t>成人６人</t>
    <rPh sb="0" eb="2">
      <t>セイジン</t>
    </rPh>
    <rPh sb="3" eb="4">
      <t>ニン</t>
    </rPh>
    <phoneticPr fontId="2"/>
  </si>
  <si>
    <t>https://nh.kanagawa-museum.jp/www/contents/1748499574853/index.html</t>
  </si>
  <si>
    <t>川と用水路の生き物を調べよう</t>
    <rPh sb="0" eb="1">
      <t>カワ</t>
    </rPh>
    <rPh sb="2" eb="5">
      <t>ヨウスイロ</t>
    </rPh>
    <rPh sb="6" eb="7">
      <t>イ</t>
    </rPh>
    <rPh sb="8" eb="9">
      <t>モノ</t>
    </rPh>
    <rPh sb="10" eb="11">
      <t>シラ</t>
    </rPh>
    <phoneticPr fontId="2"/>
  </si>
  <si>
    <t>最近では、なかなか見ることができない用水路や川の生き物たち。水辺環境豊かな酒匂平野で水辺の生き物を探してみましょう。
◆雨天中止</t>
    <phoneticPr fontId="2"/>
  </si>
  <si>
    <t>南足柄市
要定川周辺（予定）</t>
    <rPh sb="0" eb="4">
      <t>ミナミアシガラシ</t>
    </rPh>
    <rPh sb="5" eb="6">
      <t>ヨウ</t>
    </rPh>
    <rPh sb="6" eb="7">
      <t>サダ</t>
    </rPh>
    <rPh sb="7" eb="8">
      <t>カワ</t>
    </rPh>
    <rPh sb="8" eb="10">
      <t>シュウヘン</t>
    </rPh>
    <rPh sb="11" eb="13">
      <t>ヨテイ</t>
    </rPh>
    <phoneticPr fontId="2"/>
  </si>
  <si>
    <t>参加者へ連絡</t>
    <rPh sb="0" eb="3">
      <t>サンカシャ</t>
    </rPh>
    <rPh sb="4" eb="6">
      <t>レンラク</t>
    </rPh>
    <phoneticPr fontId="2"/>
  </si>
  <si>
    <t>小学３年生～成人
※小学生は保護者参加必須
20人</t>
    <rPh sb="0" eb="2">
      <t>ショウガク</t>
    </rPh>
    <rPh sb="3" eb="5">
      <t>ネンセイ</t>
    </rPh>
    <rPh sb="6" eb="8">
      <t>セイジン</t>
    </rPh>
    <rPh sb="10" eb="13">
      <t>ショウガクセイ</t>
    </rPh>
    <rPh sb="14" eb="17">
      <t>ホゴシャ</t>
    </rPh>
    <rPh sb="17" eb="19">
      <t>サンカ</t>
    </rPh>
    <rPh sb="19" eb="21">
      <t>ヒッス</t>
    </rPh>
    <rPh sb="24" eb="25">
      <t>ニン</t>
    </rPh>
    <phoneticPr fontId="2"/>
  </si>
  <si>
    <t>ttps://nh.kanagawa-museum.jp/www/contents/1748499597679/index.html</t>
    <phoneticPr fontId="2"/>
  </si>
  <si>
    <t>植物図鑑の使い方～樹木編～</t>
    <rPh sb="0" eb="2">
      <t>ショクブツ</t>
    </rPh>
    <rPh sb="2" eb="4">
      <t>ズカン</t>
    </rPh>
    <rPh sb="5" eb="6">
      <t>ツカ</t>
    </rPh>
    <rPh sb="7" eb="8">
      <t>カタ</t>
    </rPh>
    <rPh sb="9" eb="11">
      <t>ジュモク</t>
    </rPh>
    <rPh sb="11" eb="12">
      <t>ヘン</t>
    </rPh>
    <phoneticPr fontId="2"/>
  </si>
  <si>
    <t>【室内解説・実習と野外観察】
身近な樹木の名前調べを通じて、植物図鑑の使い方の“いろは”やコツを学びます。植物調べを始めてみたい入門者の方にもおすすめです。</t>
    <phoneticPr fontId="2"/>
  </si>
  <si>
    <t>小学４年生～成人・教員
※小学生は保護者参加必須、その場合は幼児連れ可
24人</t>
    <rPh sb="0" eb="2">
      <t>ショウガク</t>
    </rPh>
    <rPh sb="3" eb="5">
      <t>ネンセイ</t>
    </rPh>
    <rPh sb="6" eb="8">
      <t>セイジン</t>
    </rPh>
    <rPh sb="9" eb="11">
      <t>キョウイン</t>
    </rPh>
    <rPh sb="13" eb="16">
      <t>ショウガクセイ</t>
    </rPh>
    <rPh sb="17" eb="20">
      <t>ホゴシャ</t>
    </rPh>
    <rPh sb="20" eb="22">
      <t>サンカ</t>
    </rPh>
    <rPh sb="22" eb="24">
      <t>ヒッス</t>
    </rPh>
    <rPh sb="27" eb="29">
      <t>バアイ</t>
    </rPh>
    <rPh sb="30" eb="32">
      <t>ヨウジ</t>
    </rPh>
    <rPh sb="32" eb="33">
      <t>ツ</t>
    </rPh>
    <rPh sb="34" eb="35">
      <t>カ</t>
    </rPh>
    <rPh sb="38" eb="39">
      <t>ニン</t>
    </rPh>
    <phoneticPr fontId="2"/>
  </si>
  <si>
    <t>https://nh.kanagawa-museum.jp/www/contents/1748499632085/index.html</t>
    <phoneticPr fontId="2"/>
  </si>
  <si>
    <t>地形地質と鳥瞰図の観察会
横浜・桜木町</t>
    <rPh sb="0" eb="2">
      <t>チケイ</t>
    </rPh>
    <rPh sb="2" eb="4">
      <t>チシツ</t>
    </rPh>
    <rPh sb="5" eb="8">
      <t>チョウカンズ</t>
    </rPh>
    <rPh sb="9" eb="11">
      <t>カンサツ</t>
    </rPh>
    <rPh sb="11" eb="12">
      <t>カイ</t>
    </rPh>
    <rPh sb="13" eb="15">
      <t>ヨコハマ</t>
    </rPh>
    <rPh sb="16" eb="19">
      <t>サクラギチョウ</t>
    </rPh>
    <phoneticPr fontId="2"/>
  </si>
  <si>
    <t>今年度の特別展にちなみ、吉田初三郎・作の「神奈川県鳥瞰図」などを手に、描かれている名所旧跡や地形を見て歩きます。険しい道は少ないですが、それなりの距離があり、アップダウンもあります。
◆雨天中止</t>
    <phoneticPr fontId="2"/>
  </si>
  <si>
    <t>横浜・桜木町
（野毛山公園周辺）</t>
    <rPh sb="0" eb="2">
      <t>ヨコハマ</t>
    </rPh>
    <rPh sb="3" eb="6">
      <t>サクラギチョウ</t>
    </rPh>
    <rPh sb="8" eb="11">
      <t>ノゲヤマ</t>
    </rPh>
    <rPh sb="11" eb="13">
      <t>コウエン</t>
    </rPh>
    <rPh sb="13" eb="15">
      <t>シュウヘン</t>
    </rPh>
    <phoneticPr fontId="2"/>
  </si>
  <si>
    <t>https://nh.kanagawa-museum.jp/www/contents/1748499669133/index.html</t>
  </si>
  <si>
    <t>本当は怖いアメリカザリガニ～最悪の水辺の外来種について勉強しよう～</t>
    <rPh sb="0" eb="2">
      <t>ホントウ</t>
    </rPh>
    <rPh sb="3" eb="4">
      <t>コワ</t>
    </rPh>
    <rPh sb="14" eb="16">
      <t>サイアク</t>
    </rPh>
    <rPh sb="17" eb="19">
      <t>ミズベ</t>
    </rPh>
    <rPh sb="20" eb="22">
      <t>ガイライ</t>
    </rPh>
    <rPh sb="22" eb="23">
      <t>シュ</t>
    </rPh>
    <rPh sb="27" eb="29">
      <t>ベンキョウ</t>
    </rPh>
    <phoneticPr fontId="2"/>
  </si>
  <si>
    <t>アメリカザリガニは、日本の水辺の生物に大きな影響を与えるため、法律での規制も始まりました。室内講義と野外で彼らの実態を詳しく勉強、駆除体験もします。
◆雨天中止</t>
    <phoneticPr fontId="2"/>
  </si>
  <si>
    <t>麻生区はるひ野
（川崎市）</t>
    <rPh sb="0" eb="2">
      <t>アサブ</t>
    </rPh>
    <rPh sb="2" eb="3">
      <t>ク</t>
    </rPh>
    <rPh sb="6" eb="7">
      <t>ノ</t>
    </rPh>
    <rPh sb="9" eb="11">
      <t>カワサキ</t>
    </rPh>
    <rPh sb="11" eb="12">
      <t>シ</t>
    </rPh>
    <phoneticPr fontId="2"/>
  </si>
  <si>
    <t>https://nh.kanagawa-museum.jp/www/contents/1748499711336/index.html</t>
    <phoneticPr fontId="2"/>
  </si>
  <si>
    <t>小田原景勝鳥瞰図に描かれた建造物の石材の見学会</t>
    <rPh sb="0" eb="3">
      <t>オダワラ</t>
    </rPh>
    <rPh sb="3" eb="5">
      <t>ケイショウ</t>
    </rPh>
    <rPh sb="5" eb="8">
      <t>チョウカンズ</t>
    </rPh>
    <rPh sb="9" eb="10">
      <t>エガ</t>
    </rPh>
    <rPh sb="13" eb="16">
      <t>ケンゾウブツ</t>
    </rPh>
    <rPh sb="17" eb="19">
      <t>セキザイ</t>
    </rPh>
    <rPh sb="20" eb="23">
      <t>ケンガクカイ</t>
    </rPh>
    <phoneticPr fontId="2"/>
  </si>
  <si>
    <t>吉田初三郎・作「小田原景勝鳥瞰図」に描かれた建造物には、神奈川県産の石材が多く使われています。使われている石材の観察を中心に、鳥瞰図に描かれた建造物を紹介していきます。夏季特別展示とのコラボ企画です。
◆雨天・荒天中止</t>
    <phoneticPr fontId="2"/>
  </si>
  <si>
    <t>小田原城址公園周辺</t>
    <rPh sb="0" eb="3">
      <t>オダワラ</t>
    </rPh>
    <rPh sb="3" eb="5">
      <t>ジョウシ</t>
    </rPh>
    <rPh sb="5" eb="7">
      <t>コウエン</t>
    </rPh>
    <rPh sb="7" eb="9">
      <t>シュウヘン</t>
    </rPh>
    <phoneticPr fontId="2"/>
  </si>
  <si>
    <t>小学４年生～成人
※小学生は保護者参加必須
30人</t>
    <rPh sb="0" eb="2">
      <t>ショウガク</t>
    </rPh>
    <rPh sb="3" eb="5">
      <t>ネンセイ</t>
    </rPh>
    <rPh sb="6" eb="8">
      <t>セイジン</t>
    </rPh>
    <rPh sb="10" eb="13">
      <t>ショウガクセイ</t>
    </rPh>
    <rPh sb="14" eb="17">
      <t>ホゴシャ</t>
    </rPh>
    <rPh sb="17" eb="19">
      <t>サンカ</t>
    </rPh>
    <rPh sb="19" eb="21">
      <t>ヒッス</t>
    </rPh>
    <rPh sb="24" eb="25">
      <t>ニン</t>
    </rPh>
    <phoneticPr fontId="2"/>
  </si>
  <si>
    <t>https://nh.kanagawa-museum.jp/www/contents/1748499911089/index.html</t>
  </si>
  <si>
    <t>はっぱであそぼう</t>
    <phoneticPr fontId="2"/>
  </si>
  <si>
    <t>葉っぱを使った遊びを通じて、自然を再発見しましょう。
親子で、家族で、みんなで、目指せ葉っぱ博士！！</t>
    <phoneticPr fontId="2"/>
  </si>
  <si>
    <t>５～６歳の子どもとその保護者
※保護者参加必須
８組最大24人</t>
    <rPh sb="3" eb="4">
      <t>サイ</t>
    </rPh>
    <rPh sb="5" eb="6">
      <t>コ</t>
    </rPh>
    <rPh sb="11" eb="14">
      <t>ホゴシャ</t>
    </rPh>
    <rPh sb="16" eb="19">
      <t>ホゴシャ</t>
    </rPh>
    <rPh sb="19" eb="21">
      <t>サンカ</t>
    </rPh>
    <rPh sb="21" eb="23">
      <t>ヒッス</t>
    </rPh>
    <rPh sb="25" eb="26">
      <t>クミ</t>
    </rPh>
    <rPh sb="26" eb="28">
      <t>サイダイ</t>
    </rPh>
    <rPh sb="30" eb="31">
      <t>ニン</t>
    </rPh>
    <phoneticPr fontId="2"/>
  </si>
  <si>
    <t>https://nh.kanagawa-museum.jp/www/contents/1748499953275/index.html</t>
  </si>
  <si>
    <t>貝殻のふしぎを調べよう
（ホタテ）</t>
    <rPh sb="0" eb="2">
      <t>カイガラ</t>
    </rPh>
    <rPh sb="7" eb="8">
      <t>シラ</t>
    </rPh>
    <phoneticPr fontId="2"/>
  </si>
  <si>
    <t>貝殻のかたちや大きさの多様性や法則性を調べます。理科と算数を合わせたような講座ですが、特別な知識は必要ありません。
◆室内で行う講座です。</t>
    <phoneticPr fontId="2"/>
  </si>
  <si>
    <t>小田原市（未定）</t>
    <rPh sb="0" eb="4">
      <t>オダワラシ</t>
    </rPh>
    <rPh sb="5" eb="7">
      <t>ミテイ</t>
    </rPh>
    <phoneticPr fontId="2"/>
  </si>
  <si>
    <t>小学４年生～成人
※小学生は保護者参加必須
18人</t>
    <rPh sb="0" eb="2">
      <t>ショウガク</t>
    </rPh>
    <rPh sb="3" eb="5">
      <t>ネンセイ</t>
    </rPh>
    <rPh sb="6" eb="8">
      <t>セイジン</t>
    </rPh>
    <rPh sb="10" eb="13">
      <t>ショウガクセイ</t>
    </rPh>
    <rPh sb="14" eb="17">
      <t>ホゴシャ</t>
    </rPh>
    <rPh sb="17" eb="19">
      <t>サンカ</t>
    </rPh>
    <rPh sb="19" eb="21">
      <t>ヒッス</t>
    </rPh>
    <rPh sb="24" eb="25">
      <t>ニン</t>
    </rPh>
    <phoneticPr fontId="2"/>
  </si>
  <si>
    <t>https://nh.kanagawa-museum.jp/www/contents/1748499989102/index.html</t>
  </si>
  <si>
    <t>クジラ・イルカの形態学
鯨類の“かたち”に注目</t>
    <rPh sb="8" eb="11">
      <t>ケイタイガク</t>
    </rPh>
    <rPh sb="12" eb="14">
      <t>ゲイルイ</t>
    </rPh>
    <rPh sb="21" eb="23">
      <t>チュウモク</t>
    </rPh>
    <phoneticPr fontId="2"/>
  </si>
  <si>
    <t>体のかたち（形態）からクジラやイルカについて学びます。実物の骨格標本をじっくり観察したり触ったりしながら、体のつくりやその機能、生態、種ごとの特徴などを考えてみましょう。鯨類が好きな方にも、これから知りたい方にもご参加いただけます。</t>
    <phoneticPr fontId="2"/>
  </si>
  <si>
    <t>https://nh.kanagawa-museum.jp/www/contents/1748500085835/index.html</t>
  </si>
  <si>
    <t>貝殻のふしぎを調べよう
（アサリ）</t>
    <rPh sb="0" eb="2">
      <t>カイガラ</t>
    </rPh>
    <rPh sb="7" eb="8">
      <t>シラ</t>
    </rPh>
    <phoneticPr fontId="2"/>
  </si>
  <si>
    <t>横浜市（未定）</t>
    <rPh sb="0" eb="3">
      <t>ヨコハマシ</t>
    </rPh>
    <rPh sb="4" eb="6">
      <t>ミテイ</t>
    </rPh>
    <phoneticPr fontId="2"/>
  </si>
  <si>
    <t>https://nh.kanagawa-museum.jp/www/contents/1748500144648/index.html</t>
  </si>
  <si>
    <t>令和７年度「第４回考古学講座」</t>
    <rPh sb="0" eb="2">
      <t>レイワ</t>
    </rPh>
    <rPh sb="3" eb="5">
      <t>ネンド</t>
    </rPh>
    <rPh sb="6" eb="7">
      <t>ダイ</t>
    </rPh>
    <rPh sb="8" eb="9">
      <t>カイ</t>
    </rPh>
    <rPh sb="9" eb="12">
      <t>コウコガク</t>
    </rPh>
    <rPh sb="12" eb="14">
      <t>コウザ</t>
    </rPh>
    <phoneticPr fontId="2"/>
  </si>
  <si>
    <t>埋蔵文化財や考古学の入門的な内容の講座です。</t>
    <rPh sb="0" eb="5">
      <t>マイゾウブンカザイ</t>
    </rPh>
    <rPh sb="6" eb="9">
      <t>コウコガク</t>
    </rPh>
    <rPh sb="10" eb="13">
      <t>ニュウモンテキ</t>
    </rPh>
    <rPh sb="14" eb="16">
      <t>ナイヨウ</t>
    </rPh>
    <phoneticPr fontId="2"/>
  </si>
  <si>
    <t>かながわ県民センター</t>
  </si>
  <si>
    <t>横浜駅</t>
    <rPh sb="0" eb="3">
      <t>ヨコハマエキ</t>
    </rPh>
    <phoneticPr fontId="2"/>
  </si>
  <si>
    <t>神奈川県教育委員会　
文化遺産課（埋蔵文化財センター）</t>
    <rPh sb="11" eb="13">
      <t>ブンカ</t>
    </rPh>
    <rPh sb="13" eb="15">
      <t>イサン</t>
    </rPh>
    <rPh sb="15" eb="16">
      <t>カ</t>
    </rPh>
    <phoneticPr fontId="2"/>
  </si>
  <si>
    <t>神奈川県教育委員会
文化遺産課（埋蔵文化財センター）</t>
    <rPh sb="10" eb="15">
      <t>ブンカイサンカ</t>
    </rPh>
    <phoneticPr fontId="2"/>
  </si>
  <si>
    <t>https://www.pref.kanagawa.jp/docs/ar3/cnt/f6656/</t>
    <phoneticPr fontId="2"/>
  </si>
  <si>
    <t>令和７年度「考古学ゼミナール」</t>
    <rPh sb="0" eb="2">
      <t>レイワ</t>
    </rPh>
    <rPh sb="3" eb="5">
      <t>ネンド</t>
    </rPh>
    <rPh sb="6" eb="9">
      <t>コウコガク</t>
    </rPh>
    <phoneticPr fontId="2"/>
  </si>
  <si>
    <t>考古学に関係したテーマによるやや専門的な内容の連続講座です。</t>
    <phoneticPr fontId="2"/>
  </si>
  <si>
    <t>2025/10/11</t>
    <phoneticPr fontId="2"/>
  </si>
  <si>
    <t>2025/11/1</t>
    <phoneticPr fontId="2"/>
  </si>
  <si>
    <t>神奈川県高等学校総合文化祭</t>
    <rPh sb="0" eb="4">
      <t>カナガワケン</t>
    </rPh>
    <rPh sb="4" eb="6">
      <t>コウトウ</t>
    </rPh>
    <rPh sb="6" eb="8">
      <t>ガッコウ</t>
    </rPh>
    <rPh sb="8" eb="10">
      <t>ソウゴウ</t>
    </rPh>
    <rPh sb="10" eb="13">
      <t>ブンカサイ</t>
    </rPh>
    <phoneticPr fontId="2"/>
  </si>
  <si>
    <t>高校生の文化・芸術活動の発表の場として、約３ヶ月間にわたり県内各地で26部門の行事を開催します。</t>
    <phoneticPr fontId="2"/>
  </si>
  <si>
    <t>-</t>
    <phoneticPr fontId="2"/>
  </si>
  <si>
    <t>‐</t>
    <phoneticPr fontId="2"/>
  </si>
  <si>
    <t xml:space="preserve">神奈川県高等学校文化連盟、神奈川県教育委員会
</t>
    <rPh sb="0" eb="4">
      <t>カナガワケン</t>
    </rPh>
    <rPh sb="4" eb="6">
      <t>コウトウ</t>
    </rPh>
    <rPh sb="6" eb="8">
      <t>ガッコウ</t>
    </rPh>
    <rPh sb="8" eb="10">
      <t>ブンカ</t>
    </rPh>
    <rPh sb="10" eb="12">
      <t>レンメイ</t>
    </rPh>
    <phoneticPr fontId="2"/>
  </si>
  <si>
    <t>高校生等</t>
    <rPh sb="0" eb="3">
      <t>コウコウセイ</t>
    </rPh>
    <rPh sb="3" eb="4">
      <t>トウ</t>
    </rPh>
    <phoneticPr fontId="2"/>
  </si>
  <si>
    <t>神奈川県高等学校文化連盟事務局</t>
    <rPh sb="0" eb="4">
      <t>カナガワケン</t>
    </rPh>
    <rPh sb="4" eb="6">
      <t>コウトウ</t>
    </rPh>
    <rPh sb="6" eb="8">
      <t>ガッコウ</t>
    </rPh>
    <rPh sb="8" eb="10">
      <t>ブンカ</t>
    </rPh>
    <rPh sb="10" eb="12">
      <t>レンメイ</t>
    </rPh>
    <rPh sb="12" eb="15">
      <t>ジムキョク</t>
    </rPh>
    <phoneticPr fontId="2"/>
  </si>
  <si>
    <t xml:space="preserve">https://www.kanabun.net/
</t>
    <phoneticPr fontId="2"/>
  </si>
  <si>
    <t>わらべうたと絵本のおはなし会（永谷地区センター会場）</t>
    <rPh sb="13" eb="14">
      <t>カイ</t>
    </rPh>
    <rPh sb="15" eb="17">
      <t>ナガヤ</t>
    </rPh>
    <rPh sb="17" eb="19">
      <t>チク</t>
    </rPh>
    <rPh sb="23" eb="25">
      <t>カイジョウ</t>
    </rPh>
    <phoneticPr fontId="2"/>
  </si>
  <si>
    <t>乳幼児と保護者向けに、わらべうたや絵本の読み聞かせを行います。</t>
    <rPh sb="26" eb="27">
      <t>オコナ</t>
    </rPh>
    <phoneticPr fontId="2"/>
  </si>
  <si>
    <t>永谷地区センター</t>
    <rPh sb="0" eb="4">
      <t>ナガヤチク</t>
    </rPh>
    <phoneticPr fontId="2"/>
  </si>
  <si>
    <t>神奈中バス停「芹が谷団地前」、
神奈中バス停「永谷地区センター前」</t>
    <phoneticPr fontId="2"/>
  </si>
  <si>
    <t>横浜市港南図書館</t>
    <rPh sb="0" eb="8">
      <t>ヨコハマシコウナントショカン</t>
    </rPh>
    <phoneticPr fontId="2"/>
  </si>
  <si>
    <t>乳幼児と保護者の方</t>
    <rPh sb="0" eb="3">
      <t>ニュウヨウジ</t>
    </rPh>
    <rPh sb="4" eb="7">
      <t>ホゴシャ</t>
    </rPh>
    <rPh sb="8" eb="9">
      <t>ホウ</t>
    </rPh>
    <phoneticPr fontId="2"/>
  </si>
  <si>
    <t>https://www.city.yokohama.lg.jp/kurashi/kyodo-manabi/library/tshokan/konan/oshirase.html</t>
    <phoneticPr fontId="2"/>
  </si>
  <si>
    <t>子育て支援に関わる方向け「わらべうたと絵本の講座」</t>
    <rPh sb="0" eb="2">
      <t>コソダ</t>
    </rPh>
    <rPh sb="3" eb="5">
      <t>シエン</t>
    </rPh>
    <rPh sb="6" eb="7">
      <t>カカ</t>
    </rPh>
    <rPh sb="9" eb="10">
      <t>カタ</t>
    </rPh>
    <rPh sb="10" eb="11">
      <t>ム</t>
    </rPh>
    <rPh sb="19" eb="21">
      <t>エホン</t>
    </rPh>
    <rPh sb="22" eb="24">
      <t>コウザ</t>
    </rPh>
    <phoneticPr fontId="2"/>
  </si>
  <si>
    <t>港南区内で子育て支援の活動をしているボランティアやスタッフ向けに、わらべうたや絵本の読み聞かせの講座を行います。</t>
    <rPh sb="0" eb="4">
      <t>コウナンクナイ</t>
    </rPh>
    <rPh sb="5" eb="7">
      <t>コソダ</t>
    </rPh>
    <rPh sb="8" eb="10">
      <t>シエン</t>
    </rPh>
    <rPh sb="11" eb="13">
      <t>カツドウ</t>
    </rPh>
    <rPh sb="29" eb="30">
      <t>ム</t>
    </rPh>
    <rPh sb="39" eb="41">
      <t>エホン</t>
    </rPh>
    <rPh sb="42" eb="43">
      <t>ヨ</t>
    </rPh>
    <rPh sb="44" eb="45">
      <t>キ</t>
    </rPh>
    <rPh sb="48" eb="50">
      <t>コウザ</t>
    </rPh>
    <rPh sb="51" eb="52">
      <t>オコナ</t>
    </rPh>
    <phoneticPr fontId="2"/>
  </si>
  <si>
    <t>市営地下鉄上永谷駅</t>
    <rPh sb="5" eb="8">
      <t>カミナガヤ</t>
    </rPh>
    <rPh sb="8" eb="9">
      <t>エキ</t>
    </rPh>
    <phoneticPr fontId="2"/>
  </si>
  <si>
    <t>横浜市港南図書館</t>
    <phoneticPr fontId="2"/>
  </si>
  <si>
    <t>港南区で子育て支援の活動をしているボランティアやスタッフ、または活動予定の方で、全3回とも参加できる大人の方</t>
    <phoneticPr fontId="2"/>
  </si>
  <si>
    <t>おとなが楽しむおはなし会</t>
  </si>
  <si>
    <t>大人を対象に、ストーリーテリングを楽しむ会です。</t>
    <phoneticPr fontId="2"/>
  </si>
  <si>
    <t>おはなしを聴きたい大人の方</t>
    <phoneticPr fontId="2"/>
  </si>
  <si>
    <t>はまっこ読書の日特別ブックトーク</t>
    <phoneticPr fontId="2"/>
  </si>
  <si>
    <t>はまっ子読書の日を記念して、長く親しまれている世界の子どもの本を紹介するブックトークをします。</t>
    <phoneticPr fontId="2"/>
  </si>
  <si>
    <t>市営地下鉄上永谷駅</t>
    <phoneticPr fontId="2"/>
  </si>
  <si>
    <t>小学生から大人の方まで</t>
    <phoneticPr fontId="2"/>
  </si>
  <si>
    <t>読書マラソン</t>
    <phoneticPr fontId="2"/>
  </si>
  <si>
    <t>港南図書館で配布、またはホームページからダウンロードできる「読書ノート」に10冊記入した方に、港南図書館マスコットキャラクター「こうなんうさぽん」のグッズをプレゼントします。</t>
    <phoneticPr fontId="2"/>
  </si>
  <si>
    <t>子どもから大人の方まで</t>
    <rPh sb="0" eb="1">
      <t>コ</t>
    </rPh>
    <phoneticPr fontId="2"/>
  </si>
  <si>
    <t>緑区中高生のヒトハコ図書館</t>
    <phoneticPr fontId="2"/>
  </si>
  <si>
    <t>③文化</t>
    <rPh sb="1" eb="3">
      <t>ブンカ</t>
    </rPh>
    <phoneticPr fontId="2"/>
  </si>
  <si>
    <t>中学・高校の図書委員におすすめの本を展示してもらいます。</t>
    <phoneticPr fontId="2"/>
  </si>
  <si>
    <t>横浜市緑図書館</t>
    <rPh sb="0" eb="3">
      <t>ヨコハマシ</t>
    </rPh>
    <rPh sb="3" eb="7">
      <t>ミドリトショカン</t>
    </rPh>
    <phoneticPr fontId="2"/>
  </si>
  <si>
    <t>最寄駅ＪＲ十日市場駅</t>
    <rPh sb="5" eb="9">
      <t>トオカイチバ</t>
    </rPh>
    <rPh sb="9" eb="10">
      <t>エキ</t>
    </rPh>
    <phoneticPr fontId="2"/>
  </si>
  <si>
    <t>横浜市緑区地域振興課、横浜市緑図書館</t>
    <phoneticPr fontId="2"/>
  </si>
  <si>
    <t>一般の方</t>
  </si>
  <si>
    <t>横浜市緑図書館</t>
  </si>
  <si>
    <t>令和６年度緑区読書活動推進事業　緑区民まつりでの本の交換会「かえっこBOOK」</t>
    <phoneticPr fontId="2"/>
  </si>
  <si>
    <t>ご自宅にある不要になった本を会場に持ち寄り、互いに本を交換し合います。</t>
  </si>
  <si>
    <t>神奈川県立四季の森公園</t>
    <phoneticPr fontId="2"/>
  </si>
  <si>
    <t>最寄駅ＪＲ中山駅</t>
    <phoneticPr fontId="2"/>
  </si>
  <si>
    <t>あざみ野ブックカフェ</t>
    <phoneticPr fontId="2"/>
  </si>
  <si>
    <t>世界アルツハイマー月間にあわせて行う、認知症についての理解を深めるための講座です。</t>
    <rPh sb="16" eb="17">
      <t>オコナ</t>
    </rPh>
    <phoneticPr fontId="2"/>
  </si>
  <si>
    <t>横浜市山内図書館</t>
    <phoneticPr fontId="2"/>
  </si>
  <si>
    <t>あざみ野駅</t>
    <rPh sb="3" eb="4">
      <t>ノ</t>
    </rPh>
    <rPh sb="4" eb="5">
      <t>エキ</t>
    </rPh>
    <phoneticPr fontId="2"/>
  </si>
  <si>
    <t>横浜市山内図書館</t>
    <rPh sb="0" eb="8">
      <t>ヨコハマシヤマウチトショカン</t>
    </rPh>
    <phoneticPr fontId="2"/>
  </si>
  <si>
    <t>書きたい！人のショートショート講座</t>
    <phoneticPr fontId="2"/>
  </si>
  <si>
    <t>人気ショートショート作家・田丸雅智氏の手ほどきで、オリジナル作品を書いてみませんか。「書く」ことを通じて「読む」以外の本や物語との関わり方を体験し、創作・表現に親しむ講座です。</t>
    <phoneticPr fontId="2"/>
  </si>
  <si>
    <t>あざみ野駅</t>
    <phoneticPr fontId="2"/>
  </si>
  <si>
    <t>市内在住の中学生以上の方</t>
    <rPh sb="0" eb="4">
      <t>シナイザイジュウ</t>
    </rPh>
    <rPh sb="5" eb="10">
      <t>チュウガクセイイジョウ</t>
    </rPh>
    <rPh sb="11" eb="12">
      <t>カタ</t>
    </rPh>
    <phoneticPr fontId="2"/>
  </si>
  <si>
    <t>五箇山で暮らす～世界遺産30周年特別展～</t>
    <phoneticPr fontId="2"/>
  </si>
  <si>
    <t>五箇山が世界遺産に認定されて30年を記念に、昔の日本人の庶民の暮らしを紹介します。</t>
    <rPh sb="0" eb="3">
      <t>ゴカヤマ</t>
    </rPh>
    <rPh sb="4" eb="8">
      <t>セカイイサン</t>
    </rPh>
    <rPh sb="9" eb="11">
      <t>ニンテイ</t>
    </rPh>
    <rPh sb="16" eb="17">
      <t>ネン</t>
    </rPh>
    <rPh sb="18" eb="20">
      <t>キネン</t>
    </rPh>
    <rPh sb="22" eb="23">
      <t>ムカシ</t>
    </rPh>
    <rPh sb="24" eb="27">
      <t>ニホンジン</t>
    </rPh>
    <rPh sb="28" eb="30">
      <t>ショミン</t>
    </rPh>
    <rPh sb="31" eb="32">
      <t>ク</t>
    </rPh>
    <rPh sb="35" eb="37">
      <t>ショウカイ</t>
    </rPh>
    <phoneticPr fontId="2"/>
  </si>
  <si>
    <t>川崎市立日本民家園</t>
    <rPh sb="0" eb="9">
      <t>カワサキシリツニホンミンカエン</t>
    </rPh>
    <phoneticPr fontId="2"/>
  </si>
  <si>
    <t>向ケ丘遊園駅</t>
    <rPh sb="0" eb="6">
      <t>ムコウガオカユウエンエキ</t>
    </rPh>
    <phoneticPr fontId="2"/>
  </si>
  <si>
    <t>日本の文化等に関心のある人</t>
    <rPh sb="0" eb="2">
      <t>ニホン</t>
    </rPh>
    <rPh sb="3" eb="5">
      <t>ブンカ</t>
    </rPh>
    <rPh sb="5" eb="6">
      <t>トウ</t>
    </rPh>
    <rPh sb="7" eb="9">
      <t>カンシン</t>
    </rPh>
    <rPh sb="12" eb="13">
      <t>ヒト</t>
    </rPh>
    <phoneticPr fontId="2"/>
  </si>
  <si>
    <t>https://www.nihonminkaen.jp/</t>
  </si>
  <si>
    <t>合掌造りのふるさとから～越中五箇山がやってくる！</t>
  </si>
  <si>
    <t>日本民家園にある合掌造り3棟のふるさと、富山県南砺市五箇山の「芸能」・「文化」が川崎にやってきます。当日の催しは、五箇山民謡「こきりこ（ささら踊り）」の公演、囲炉裏端での五箇山の話などです。</t>
  </si>
  <si>
    <t>その他</t>
  </si>
  <si>
    <t>民家園まつり</t>
    <rPh sb="0" eb="3">
      <t>ミンカエン</t>
    </rPh>
    <phoneticPr fontId="2"/>
  </si>
  <si>
    <t>毎年11月3日に1度開催される「民間園まつり」は無料開園日で、様々なイベントを実施します。古民具に実際に触れ、体験してもらうことで、大人から子供まで楽しみながら日本文化を学ぶことができます。</t>
    <rPh sb="0" eb="2">
      <t>マイトシ</t>
    </rPh>
    <rPh sb="4" eb="5">
      <t>ツキ</t>
    </rPh>
    <rPh sb="6" eb="7">
      <t>ヒ</t>
    </rPh>
    <rPh sb="16" eb="19">
      <t>ミンカンエン</t>
    </rPh>
    <rPh sb="31" eb="33">
      <t>サマザマ</t>
    </rPh>
    <rPh sb="39" eb="41">
      <t>ジッシ</t>
    </rPh>
    <phoneticPr fontId="2"/>
  </si>
  <si>
    <t>相模原市</t>
    <phoneticPr fontId="2"/>
  </si>
  <si>
    <t>区誕生１５周年記念
第４５回　
造形「さがみ風っ子展」</t>
    <phoneticPr fontId="2"/>
  </si>
  <si>
    <t>40年以上にわたり相模原の文化を築いてきた「風っ子展」。小・中学生や支援学校生の図工・美術の作品約18,000点を展示します。一部会場では、紙粘土工作、水彩絵の具体験など体験型ワークショップも行います。</t>
    <phoneticPr fontId="2"/>
  </si>
  <si>
    <t>（緑区会場）
城山公民館、もみじホール城山
（中央区会場）
GLP　ALFALINK相模原
（南区会場）
女子美術大学美術館</t>
    <phoneticPr fontId="2"/>
  </si>
  <si>
    <t>相模原市
教育委員会</t>
    <phoneticPr fontId="2"/>
  </si>
  <si>
    <t>有料</t>
    <phoneticPr fontId="2"/>
  </si>
  <si>
    <t>相模原市教育委員会
学校教育課</t>
    <phoneticPr fontId="2"/>
  </si>
  <si>
    <t>https://sites.google.com/sagamihara-kng.ed.jp/kazekko/</t>
    <phoneticPr fontId="2"/>
  </si>
  <si>
    <t>相模原市
緑区</t>
  </si>
  <si>
    <t>秋の読書集週間関連イベント</t>
    <rPh sb="0" eb="1">
      <t>アキ</t>
    </rPh>
    <rPh sb="2" eb="4">
      <t>ドクショ</t>
    </rPh>
    <rPh sb="4" eb="5">
      <t>シュウ</t>
    </rPh>
    <rPh sb="5" eb="7">
      <t>シュウカン</t>
    </rPh>
    <rPh sb="7" eb="9">
      <t>カンレン</t>
    </rPh>
    <phoneticPr fontId="2"/>
  </si>
  <si>
    <t>秋の読書週間に合わせて、特別展示やイベント等を行います。</t>
    <rPh sb="0" eb="1">
      <t>アキ</t>
    </rPh>
    <rPh sb="2" eb="4">
      <t>ドクショ</t>
    </rPh>
    <rPh sb="4" eb="6">
      <t>シュウカン</t>
    </rPh>
    <rPh sb="7" eb="8">
      <t>ア</t>
    </rPh>
    <rPh sb="12" eb="14">
      <t>トクベツ</t>
    </rPh>
    <rPh sb="14" eb="16">
      <t>テンジ</t>
    </rPh>
    <rPh sb="21" eb="22">
      <t>トウ</t>
    </rPh>
    <rPh sb="23" eb="24">
      <t>オコナ</t>
    </rPh>
    <phoneticPr fontId="2"/>
  </si>
  <si>
    <t>橋本図書館</t>
    <rPh sb="0" eb="2">
      <t>ハシモト</t>
    </rPh>
    <rPh sb="2" eb="5">
      <t>トショカン</t>
    </rPh>
    <phoneticPr fontId="2"/>
  </si>
  <si>
    <t>橋本駅</t>
    <rPh sb="0" eb="2">
      <t>ハシモト</t>
    </rPh>
    <rPh sb="2" eb="3">
      <t>エキ</t>
    </rPh>
    <phoneticPr fontId="2"/>
  </si>
  <si>
    <t>https://www.lib.sagamihara.kanagawa.jp/TOSHOW/asp/index.aspx</t>
  </si>
  <si>
    <t>ガイドツアー</t>
  </si>
  <si>
    <t>図書館の施設見学をします。</t>
    <rPh sb="0" eb="3">
      <t>トショカン</t>
    </rPh>
    <rPh sb="4" eb="6">
      <t>シセツ</t>
    </rPh>
    <rPh sb="6" eb="8">
      <t>ケンガク</t>
    </rPh>
    <phoneticPr fontId="2"/>
  </si>
  <si>
    <t>小・中学生とその保護者</t>
    <rPh sb="0" eb="1">
      <t>ショウ</t>
    </rPh>
    <rPh sb="2" eb="5">
      <t>チュウガクセイ</t>
    </rPh>
    <rPh sb="8" eb="11">
      <t>ホゴシャ</t>
    </rPh>
    <phoneticPr fontId="2"/>
  </si>
  <si>
    <t>秋のおはなし会とブックトーク</t>
    <rPh sb="0" eb="1">
      <t>アキ</t>
    </rPh>
    <rPh sb="6" eb="7">
      <t>カイ</t>
    </rPh>
    <phoneticPr fontId="9"/>
  </si>
  <si>
    <t>秋にちなんだ本をブックトークを交えて紹介するおはなし会です。</t>
    <rPh sb="0" eb="1">
      <t>アキ</t>
    </rPh>
    <rPh sb="6" eb="7">
      <t>ホン</t>
    </rPh>
    <rPh sb="15" eb="16">
      <t>マジ</t>
    </rPh>
    <rPh sb="18" eb="20">
      <t>ショウカイ</t>
    </rPh>
    <rPh sb="26" eb="27">
      <t>カイ</t>
    </rPh>
    <phoneticPr fontId="9"/>
  </si>
  <si>
    <t>グラウンドゴルフ親睦大会</t>
    <rPh sb="8" eb="12">
      <t>シンボクタイカイ</t>
    </rPh>
    <phoneticPr fontId="9"/>
  </si>
  <si>
    <t>⑤スポーツ</t>
  </si>
  <si>
    <t>グラウンドゴルフを通じて体力向上及び参加者の親睦を図ります。</t>
    <rPh sb="9" eb="10">
      <t>ツウ</t>
    </rPh>
    <rPh sb="18" eb="21">
      <t>サンカシャ</t>
    </rPh>
    <rPh sb="22" eb="24">
      <t>シンボク</t>
    </rPh>
    <rPh sb="25" eb="26">
      <t>ハカ</t>
    </rPh>
    <phoneticPr fontId="9"/>
  </si>
  <si>
    <t>旭小学校校庭</t>
    <rPh sb="0" eb="4">
      <t>アサヒショウガッコウ</t>
    </rPh>
    <rPh sb="4" eb="6">
      <t>コウテイ</t>
    </rPh>
    <phoneticPr fontId="2"/>
  </si>
  <si>
    <t>橋本駅</t>
    <rPh sb="0" eb="3">
      <t>ハシモトエキ</t>
    </rPh>
    <phoneticPr fontId="2"/>
  </si>
  <si>
    <t>橋本公民館体育部</t>
    <rPh sb="0" eb="5">
      <t>ハシモトコウミンカン</t>
    </rPh>
    <rPh sb="5" eb="8">
      <t>タイイクブ</t>
    </rPh>
    <phoneticPr fontId="2"/>
  </si>
  <si>
    <t>橋本公民館区在住の方</t>
    <rPh sb="0" eb="2">
      <t>ハシモト</t>
    </rPh>
    <rPh sb="2" eb="4">
      <t>コウミン</t>
    </rPh>
    <phoneticPr fontId="2"/>
  </si>
  <si>
    <t>橋本公民館</t>
    <rPh sb="0" eb="5">
      <t>ハシモトコウミンカン</t>
    </rPh>
    <phoneticPr fontId="2"/>
  </si>
  <si>
    <t>はしもとオータムフェスティバル</t>
    <phoneticPr fontId="9"/>
  </si>
  <si>
    <t>学校教育と社会教育と地域の総合的な教育力を高めるため、館区内の小学生の合唱と公民館利用サークルの活動発表を行います。</t>
    <rPh sb="0" eb="4">
      <t>ガッコウキョウイク</t>
    </rPh>
    <rPh sb="5" eb="9">
      <t>シャカイキョウイク</t>
    </rPh>
    <rPh sb="10" eb="12">
      <t>チイキ</t>
    </rPh>
    <rPh sb="13" eb="16">
      <t>ソウゴウテキ</t>
    </rPh>
    <rPh sb="17" eb="20">
      <t>キョウイクリョク</t>
    </rPh>
    <rPh sb="21" eb="22">
      <t>タカ</t>
    </rPh>
    <rPh sb="27" eb="30">
      <t>カンクナイ</t>
    </rPh>
    <rPh sb="31" eb="34">
      <t>ショウガクセイ</t>
    </rPh>
    <rPh sb="35" eb="37">
      <t>ガッショウ</t>
    </rPh>
    <rPh sb="38" eb="43">
      <t>コウミンカンリヨウ</t>
    </rPh>
    <rPh sb="48" eb="52">
      <t>カツドウハッピョウ</t>
    </rPh>
    <rPh sb="53" eb="54">
      <t>オコナ</t>
    </rPh>
    <phoneticPr fontId="9"/>
  </si>
  <si>
    <t>杜のホールはしもと大ホール</t>
    <rPh sb="0" eb="1">
      <t>モリ</t>
    </rPh>
    <rPh sb="9" eb="10">
      <t>ダイ</t>
    </rPh>
    <phoneticPr fontId="2"/>
  </si>
  <si>
    <t>ロビーコンサート</t>
    <phoneticPr fontId="9"/>
  </si>
  <si>
    <t>地元を中心とした出演者による様々なジャンルの音楽等を通じ、地域の文化活動の発展を図ります。</t>
    <rPh sb="0" eb="2">
      <t>ジモト</t>
    </rPh>
    <rPh sb="3" eb="5">
      <t>チュウシン</t>
    </rPh>
    <rPh sb="8" eb="11">
      <t>シュツエンシャ</t>
    </rPh>
    <rPh sb="14" eb="16">
      <t>サマザマ</t>
    </rPh>
    <rPh sb="22" eb="25">
      <t>オンガクトウ</t>
    </rPh>
    <rPh sb="26" eb="27">
      <t>トオ</t>
    </rPh>
    <rPh sb="29" eb="31">
      <t>チイキ</t>
    </rPh>
    <rPh sb="32" eb="34">
      <t>ブンカ</t>
    </rPh>
    <rPh sb="34" eb="36">
      <t>カツドウ</t>
    </rPh>
    <rPh sb="37" eb="39">
      <t>ハッテン</t>
    </rPh>
    <rPh sb="40" eb="41">
      <t>ハカ</t>
    </rPh>
    <phoneticPr fontId="9"/>
  </si>
  <si>
    <t>橋本公民館ロビーコンサート実行委員会</t>
    <rPh sb="0" eb="5">
      <t>ハシモトコウミンカン</t>
    </rPh>
    <rPh sb="13" eb="18">
      <t>ジッコウイインカイ</t>
    </rPh>
    <phoneticPr fontId="2"/>
  </si>
  <si>
    <t>橋本歩こうウォーキング</t>
    <rPh sb="0" eb="2">
      <t>ハシモト</t>
    </rPh>
    <rPh sb="2" eb="3">
      <t>アル</t>
    </rPh>
    <phoneticPr fontId="9"/>
  </si>
  <si>
    <t>ウォーキングを通じて、地域住民の健康づくりを促進するとともに交流の場とします。</t>
    <rPh sb="7" eb="8">
      <t>ツウ</t>
    </rPh>
    <rPh sb="11" eb="15">
      <t>チイキジュウミン</t>
    </rPh>
    <rPh sb="16" eb="18">
      <t>ケンコウ</t>
    </rPh>
    <rPh sb="22" eb="24">
      <t>ソクシン</t>
    </rPh>
    <rPh sb="30" eb="32">
      <t>コウリュウ</t>
    </rPh>
    <rPh sb="33" eb="34">
      <t>バ</t>
    </rPh>
    <phoneticPr fontId="9"/>
  </si>
  <si>
    <t>橋本公民館周辺ウォーキングコース</t>
    <rPh sb="0" eb="5">
      <t>ハシモトコウミンカン</t>
    </rPh>
    <rPh sb="5" eb="7">
      <t>シュウヘン</t>
    </rPh>
    <phoneticPr fontId="2"/>
  </si>
  <si>
    <t>橋本地区健康づくり普及員協議会</t>
    <rPh sb="0" eb="4">
      <t>ハシモトチク</t>
    </rPh>
    <rPh sb="4" eb="6">
      <t>ケンコウ</t>
    </rPh>
    <rPh sb="9" eb="12">
      <t>フキュウイン</t>
    </rPh>
    <rPh sb="12" eb="15">
      <t>キョウギカイ</t>
    </rPh>
    <phoneticPr fontId="2"/>
  </si>
  <si>
    <t>歴史散歩</t>
    <rPh sb="0" eb="4">
      <t>レキシサンポ</t>
    </rPh>
    <phoneticPr fontId="9"/>
  </si>
  <si>
    <t>橋本の歴史を知り、地域の理解を深め、郷土への愛着の醸成を図ります。</t>
    <rPh sb="0" eb="2">
      <t>ハシモト</t>
    </rPh>
    <rPh sb="3" eb="5">
      <t>レキシ</t>
    </rPh>
    <rPh sb="6" eb="7">
      <t>シ</t>
    </rPh>
    <rPh sb="9" eb="11">
      <t>チイキ</t>
    </rPh>
    <rPh sb="12" eb="14">
      <t>リカイ</t>
    </rPh>
    <rPh sb="15" eb="16">
      <t>フカ</t>
    </rPh>
    <rPh sb="18" eb="20">
      <t>キョウド</t>
    </rPh>
    <rPh sb="22" eb="24">
      <t>アイチャク</t>
    </rPh>
    <rPh sb="25" eb="27">
      <t>ジョウセイ</t>
    </rPh>
    <rPh sb="28" eb="29">
      <t>ハカ</t>
    </rPh>
    <phoneticPr fontId="9"/>
  </si>
  <si>
    <t>橋本地区内史跡</t>
    <rPh sb="0" eb="4">
      <t>ハシモトチク</t>
    </rPh>
    <rPh sb="4" eb="7">
      <t>ナイシセキ</t>
    </rPh>
    <phoneticPr fontId="2"/>
  </si>
  <si>
    <t>橋本の歴史を知る会</t>
    <rPh sb="0" eb="2">
      <t>ハシモト</t>
    </rPh>
    <rPh sb="3" eb="5">
      <t>レキシ</t>
    </rPh>
    <rPh sb="6" eb="7">
      <t>シ</t>
    </rPh>
    <rPh sb="8" eb="9">
      <t>カイ</t>
    </rPh>
    <phoneticPr fontId="2"/>
  </si>
  <si>
    <t>健康教室（親子ふれあい体操）</t>
    <rPh sb="0" eb="4">
      <t>ケンコウキョウシツ</t>
    </rPh>
    <rPh sb="5" eb="7">
      <t>オヤコ</t>
    </rPh>
    <rPh sb="11" eb="13">
      <t>タイソウ</t>
    </rPh>
    <phoneticPr fontId="9"/>
  </si>
  <si>
    <t>親子でできる体操を通じて、体力づくりとともに親子のふれあいを深めます。</t>
    <rPh sb="0" eb="2">
      <t>オヤコ</t>
    </rPh>
    <rPh sb="6" eb="8">
      <t>タイソウ</t>
    </rPh>
    <rPh sb="9" eb="10">
      <t>ツウ</t>
    </rPh>
    <rPh sb="13" eb="15">
      <t>タイリョク</t>
    </rPh>
    <rPh sb="22" eb="24">
      <t>オヤコ</t>
    </rPh>
    <rPh sb="30" eb="31">
      <t>フカ</t>
    </rPh>
    <phoneticPr fontId="9"/>
  </si>
  <si>
    <t>橋本公民館区の親子</t>
    <rPh sb="0" eb="2">
      <t>ハシモト</t>
    </rPh>
    <rPh sb="2" eb="4">
      <t>コウミン</t>
    </rPh>
    <rPh sb="5" eb="6">
      <t>ク</t>
    </rPh>
    <rPh sb="7" eb="9">
      <t>オヤコ</t>
    </rPh>
    <phoneticPr fontId="2"/>
  </si>
  <si>
    <t>マレットゴルフ交流会</t>
    <phoneticPr fontId="9"/>
  </si>
  <si>
    <t>相模湖地区のマレットゴルフの初心者を対象に、愛好家を増やすことを目的とし、参加者の健康増進と交流を図ります。</t>
    <phoneticPr fontId="9"/>
  </si>
  <si>
    <t>ふじのマレットゴルフ場</t>
    <rPh sb="10" eb="11">
      <t>ジョウ</t>
    </rPh>
    <phoneticPr fontId="2"/>
  </si>
  <si>
    <t>藤野駅から吉野(バス停)</t>
    <rPh sb="0" eb="3">
      <t>フジノエキ</t>
    </rPh>
    <rPh sb="5" eb="7">
      <t>ヨシノ</t>
    </rPh>
    <rPh sb="10" eb="11">
      <t>テイ</t>
    </rPh>
    <phoneticPr fontId="2"/>
  </si>
  <si>
    <t>相模湖地区公民館運営協議会体育委員会</t>
    <rPh sb="0" eb="8">
      <t>サガミコチクコウミンカン</t>
    </rPh>
    <rPh sb="8" eb="13">
      <t>ウンエイキョウギカイ</t>
    </rPh>
    <rPh sb="13" eb="18">
      <t>タイイクイインカイ</t>
    </rPh>
    <phoneticPr fontId="2"/>
  </si>
  <si>
    <t>相模湖地区在住・在勤の小学生以上</t>
    <rPh sb="0" eb="3">
      <t>サガミコ</t>
    </rPh>
    <rPh sb="3" eb="5">
      <t>チク</t>
    </rPh>
    <rPh sb="5" eb="7">
      <t>ザイジュウ</t>
    </rPh>
    <rPh sb="8" eb="10">
      <t>ザイキン</t>
    </rPh>
    <rPh sb="11" eb="16">
      <t>ショウガクセイイジョウ</t>
    </rPh>
    <phoneticPr fontId="2"/>
  </si>
  <si>
    <t>相模湖公民館</t>
    <rPh sb="0" eb="6">
      <t>サガミココウミンカン</t>
    </rPh>
    <phoneticPr fontId="2"/>
  </si>
  <si>
    <t>相模湖市民健康まつり</t>
    <phoneticPr fontId="9"/>
  </si>
  <si>
    <t>楽しみながら健康づくりや体力の維持増進に関心が持てるよう、健康アトラクション、ニュースポーツの体験、血管年齢測定等を実施します。</t>
    <phoneticPr fontId="9"/>
  </si>
  <si>
    <t>相模湖公園</t>
    <rPh sb="0" eb="5">
      <t>サガミココウエン</t>
    </rPh>
    <phoneticPr fontId="2"/>
  </si>
  <si>
    <t>相模湖駅</t>
    <rPh sb="0" eb="4">
      <t>サガミコエキ</t>
    </rPh>
    <phoneticPr fontId="2"/>
  </si>
  <si>
    <t>相模湖公民館
相模湖市民健康まつり実行委員会</t>
    <rPh sb="0" eb="6">
      <t>サガミココウミンカン</t>
    </rPh>
    <rPh sb="7" eb="12">
      <t>サガミコシミン</t>
    </rPh>
    <rPh sb="12" eb="14">
      <t>ケンコウ</t>
    </rPh>
    <rPh sb="17" eb="22">
      <t>ジッコウイインカイ</t>
    </rPh>
    <phoneticPr fontId="2"/>
  </si>
  <si>
    <t>市民一般</t>
    <rPh sb="0" eb="4">
      <t>シミンイッパン</t>
    </rPh>
    <phoneticPr fontId="2"/>
  </si>
  <si>
    <t>健康ウォーキングセミナー</t>
    <phoneticPr fontId="9"/>
  </si>
  <si>
    <t>ウォーキングをとおして、運動をする楽しさや市民相互の親睦・交流を深め、健康増進・体力の向上を図ります。</t>
    <phoneticPr fontId="9"/>
  </si>
  <si>
    <t>健康ウォーキングセミナー
実行委員会</t>
    <phoneticPr fontId="2"/>
  </si>
  <si>
    <t>さがみここども秋まつり</t>
    <phoneticPr fontId="9"/>
  </si>
  <si>
    <t>体験ダンス、ゲーム、模擬店の出店を子ども達自ら体験をすることにより、協調性や責任感を養うきっかけとします。</t>
    <rPh sb="0" eb="2">
      <t>タイケン</t>
    </rPh>
    <rPh sb="4" eb="7">
      <t>モギテン</t>
    </rPh>
    <rPh sb="8" eb="10">
      <t>ウンエイ</t>
    </rPh>
    <rPh sb="14" eb="16">
      <t>シュッテン</t>
    </rPh>
    <rPh sb="17" eb="18">
      <t>コ</t>
    </rPh>
    <rPh sb="20" eb="21">
      <t>タチ</t>
    </rPh>
    <rPh sb="21" eb="22">
      <t>ミズカ</t>
    </rPh>
    <phoneticPr fontId="9"/>
  </si>
  <si>
    <t>相模湖公民館コミュニティホール</t>
    <rPh sb="0" eb="6">
      <t>サガミココウミンカン</t>
    </rPh>
    <phoneticPr fontId="2"/>
  </si>
  <si>
    <t>さがみこ子どもまつり実行委員会</t>
    <rPh sb="4" eb="5">
      <t>コ</t>
    </rPh>
    <rPh sb="10" eb="12">
      <t>ジッコウ</t>
    </rPh>
    <rPh sb="12" eb="15">
      <t>イインカイ</t>
    </rPh>
    <phoneticPr fontId="2"/>
  </si>
  <si>
    <t>相模湖地区在住の幼児・小学生</t>
    <rPh sb="0" eb="5">
      <t>サガミコチク</t>
    </rPh>
    <rPh sb="5" eb="7">
      <t>ザイジュウ</t>
    </rPh>
    <rPh sb="8" eb="10">
      <t>ヨウジ</t>
    </rPh>
    <rPh sb="11" eb="14">
      <t>ショウガクセイ</t>
    </rPh>
    <phoneticPr fontId="2"/>
  </si>
  <si>
    <t>歴史講座
勝海舟のライバル
「小栗上野介忠順」を学ぶ</t>
    <rPh sb="0" eb="2">
      <t>レキシ</t>
    </rPh>
    <rPh sb="2" eb="4">
      <t>コウザ</t>
    </rPh>
    <rPh sb="5" eb="8">
      <t>カツカイシュウ</t>
    </rPh>
    <rPh sb="15" eb="17">
      <t>オグリ</t>
    </rPh>
    <rPh sb="17" eb="20">
      <t>コウズケノスケ</t>
    </rPh>
    <rPh sb="20" eb="21">
      <t>チュウ</t>
    </rPh>
    <rPh sb="21" eb="22">
      <t>ジュン</t>
    </rPh>
    <rPh sb="24" eb="25">
      <t>マナ</t>
    </rPh>
    <phoneticPr fontId="9"/>
  </si>
  <si>
    <t>2027年NHK大河ドラマ「逆賊の幕臣」の主人公、小栗上野介忠順について学びます。</t>
    <rPh sb="4" eb="5">
      <t>ネン</t>
    </rPh>
    <rPh sb="8" eb="10">
      <t>タイガ</t>
    </rPh>
    <rPh sb="14" eb="16">
      <t>ギャクゾク</t>
    </rPh>
    <rPh sb="17" eb="19">
      <t>バクシン</t>
    </rPh>
    <rPh sb="21" eb="24">
      <t>シュジンコウ</t>
    </rPh>
    <rPh sb="25" eb="27">
      <t>オグリ</t>
    </rPh>
    <rPh sb="27" eb="30">
      <t>コウズケノスケ</t>
    </rPh>
    <rPh sb="30" eb="31">
      <t>チュウ</t>
    </rPh>
    <rPh sb="31" eb="32">
      <t>ジュン</t>
    </rPh>
    <rPh sb="36" eb="37">
      <t>マナ</t>
    </rPh>
    <phoneticPr fontId="9"/>
  </si>
  <si>
    <t>藤野中央公民館</t>
    <rPh sb="0" eb="2">
      <t>フジノ</t>
    </rPh>
    <rPh sb="2" eb="7">
      <t>チュウオウコウミンカン</t>
    </rPh>
    <phoneticPr fontId="2"/>
  </si>
  <si>
    <t>藤野駅</t>
    <rPh sb="0" eb="3">
      <t>フジノエキ</t>
    </rPh>
    <phoneticPr fontId="2"/>
  </si>
  <si>
    <t>藤野中央公民館</t>
    <rPh sb="0" eb="2">
      <t>フジノ</t>
    </rPh>
    <rPh sb="1" eb="2">
      <t>イクトウ</t>
    </rPh>
    <rPh sb="2" eb="7">
      <t>チュウオウコウミンカン</t>
    </rPh>
    <phoneticPr fontId="2"/>
  </si>
  <si>
    <t>https://www.sagamihara-kouminkan.jp/f-chuuou-k/</t>
    <phoneticPr fontId="2"/>
  </si>
  <si>
    <t>牧野公民館まつり</t>
    <rPh sb="0" eb="2">
      <t>マギノ</t>
    </rPh>
    <rPh sb="2" eb="5">
      <t>コウミンカン</t>
    </rPh>
    <phoneticPr fontId="9"/>
  </si>
  <si>
    <t>藤野南小学校体育館</t>
    <rPh sb="0" eb="2">
      <t>フジノ</t>
    </rPh>
    <rPh sb="2" eb="3">
      <t>ミナミ</t>
    </rPh>
    <rPh sb="3" eb="6">
      <t>ショウガッコウ</t>
    </rPh>
    <rPh sb="6" eb="9">
      <t>タイイクカン</t>
    </rPh>
    <phoneticPr fontId="2"/>
  </si>
  <si>
    <t>藤野駅からやまなみ温泉入口(バス停)</t>
    <rPh sb="0" eb="3">
      <t>フジノエキ</t>
    </rPh>
    <rPh sb="9" eb="11">
      <t>オンセン</t>
    </rPh>
    <rPh sb="11" eb="13">
      <t>イリグチ</t>
    </rPh>
    <rPh sb="16" eb="17">
      <t>テイ</t>
    </rPh>
    <phoneticPr fontId="2"/>
  </si>
  <si>
    <t>牧野公民館</t>
    <rPh sb="0" eb="2">
      <t>マキノ</t>
    </rPh>
    <rPh sb="2" eb="5">
      <t>コウミンカン</t>
    </rPh>
    <phoneticPr fontId="2"/>
  </si>
  <si>
    <t>藤野中央公民館</t>
    <phoneticPr fontId="2"/>
  </si>
  <si>
    <t>https://www.sagamihara-kouminkan.jp/f-chuuou-k/</t>
  </si>
  <si>
    <t>相模原市
中央区</t>
  </si>
  <si>
    <t>史跡田名向原遺跡公園・旧石器時代学習館展示室ガイド</t>
    <rPh sb="0" eb="2">
      <t>シセキ</t>
    </rPh>
    <rPh sb="2" eb="4">
      <t>タナ</t>
    </rPh>
    <rPh sb="4" eb="6">
      <t>ムカイハラ</t>
    </rPh>
    <rPh sb="6" eb="8">
      <t>イセキ</t>
    </rPh>
    <rPh sb="8" eb="10">
      <t>コウエン</t>
    </rPh>
    <rPh sb="11" eb="14">
      <t>キュウセッキ</t>
    </rPh>
    <rPh sb="14" eb="16">
      <t>ジダイ</t>
    </rPh>
    <rPh sb="16" eb="18">
      <t>ガクシュウ</t>
    </rPh>
    <rPh sb="18" eb="19">
      <t>カン</t>
    </rPh>
    <rPh sb="19" eb="22">
      <t>テンジシツ</t>
    </rPh>
    <phoneticPr fontId="9"/>
  </si>
  <si>
    <t>田名向原遺跡案内・普及事業実行委員会のボランティアガイドが無料でわかりやすくご案内します。予約制ではありませんので、ガイド希望の方は現地にてお気軽にお声がけください。</t>
    <rPh sb="0" eb="2">
      <t>タナ</t>
    </rPh>
    <rPh sb="2" eb="4">
      <t>ムカイハラ</t>
    </rPh>
    <rPh sb="4" eb="6">
      <t>イセキ</t>
    </rPh>
    <rPh sb="6" eb="8">
      <t>アンナイ</t>
    </rPh>
    <rPh sb="9" eb="11">
      <t>フキュウ</t>
    </rPh>
    <rPh sb="11" eb="13">
      <t>ジギョウ</t>
    </rPh>
    <rPh sb="13" eb="15">
      <t>ジッコウ</t>
    </rPh>
    <rPh sb="15" eb="18">
      <t>イインカイ</t>
    </rPh>
    <rPh sb="29" eb="31">
      <t>ムリョウ</t>
    </rPh>
    <rPh sb="39" eb="41">
      <t>アンナイ</t>
    </rPh>
    <rPh sb="45" eb="48">
      <t>ヨヤクセイ</t>
    </rPh>
    <rPh sb="61" eb="63">
      <t>キボウ</t>
    </rPh>
    <rPh sb="64" eb="65">
      <t>カタ</t>
    </rPh>
    <rPh sb="66" eb="68">
      <t>ゲンチ</t>
    </rPh>
    <rPh sb="71" eb="73">
      <t>キガル</t>
    </rPh>
    <rPh sb="75" eb="76">
      <t>コエ</t>
    </rPh>
    <phoneticPr fontId="2"/>
  </si>
  <si>
    <t>史跡田名向原遺跡公園・旧石器時代学習館</t>
    <rPh sb="0" eb="2">
      <t>シセキ</t>
    </rPh>
    <phoneticPr fontId="2"/>
  </si>
  <si>
    <t>田名向原遺跡（バス停）</t>
    <rPh sb="0" eb="2">
      <t>タナ</t>
    </rPh>
    <rPh sb="2" eb="4">
      <t>ムカイハラ</t>
    </rPh>
    <rPh sb="4" eb="6">
      <t>イセキ</t>
    </rPh>
    <rPh sb="9" eb="10">
      <t>テイ</t>
    </rPh>
    <phoneticPr fontId="2"/>
  </si>
  <si>
    <t>相模原市
教育委員会
文化財課</t>
    <rPh sb="11" eb="14">
      <t>ブンカザイ</t>
    </rPh>
    <rPh sb="14" eb="15">
      <t>カ</t>
    </rPh>
    <phoneticPr fontId="9"/>
  </si>
  <si>
    <t>一般の方</t>
    <rPh sb="0" eb="2">
      <t>イッパン</t>
    </rPh>
    <rPh sb="3" eb="4">
      <t>カタ</t>
    </rPh>
    <phoneticPr fontId="9"/>
  </si>
  <si>
    <t>史跡田名向原遺跡旧石器時代学習館（旧石器ハテナ館）</t>
    <rPh sb="0" eb="8">
      <t>シセキタナムカイハライセキ</t>
    </rPh>
    <rPh sb="8" eb="11">
      <t>キュウセッキ</t>
    </rPh>
    <rPh sb="11" eb="13">
      <t>ジダイ</t>
    </rPh>
    <rPh sb="13" eb="15">
      <t>ガクシュウ</t>
    </rPh>
    <rPh sb="15" eb="16">
      <t>カン</t>
    </rPh>
    <rPh sb="17" eb="20">
      <t>キュウセッキ</t>
    </rPh>
    <rPh sb="23" eb="24">
      <t>カン</t>
    </rPh>
    <phoneticPr fontId="2"/>
  </si>
  <si>
    <t>土器づくり</t>
    <rPh sb="0" eb="2">
      <t>ドキ</t>
    </rPh>
    <phoneticPr fontId="9"/>
  </si>
  <si>
    <t>「輪積み」という粘土紐を積み上げる方法で作ります。焼成までを希望される土器は、乾燥期間を経てから、指導員が焼成を行い、約2か月後にお渡します。</t>
    <phoneticPr fontId="2"/>
  </si>
  <si>
    <t>史跡田名向原遺跡旧石器時代学習館
実習・講習室</t>
    <phoneticPr fontId="9"/>
  </si>
  <si>
    <t>火おこし道具づくり（火打ちがね又はきりもみ）</t>
    <rPh sb="0" eb="1">
      <t>ヒ</t>
    </rPh>
    <rPh sb="4" eb="6">
      <t>ドウグ</t>
    </rPh>
    <rPh sb="10" eb="12">
      <t>ヒウ</t>
    </rPh>
    <rPh sb="15" eb="16">
      <t>マタ</t>
    </rPh>
    <phoneticPr fontId="9"/>
  </si>
  <si>
    <t>マッチやライターの無い時代に人類はどのように火を得ていたのでしょうか？古代の火おこし道具を作って火を起こしてみませんか。</t>
    <rPh sb="9" eb="10">
      <t>ナ</t>
    </rPh>
    <rPh sb="11" eb="13">
      <t>ジダイ</t>
    </rPh>
    <rPh sb="14" eb="16">
      <t>ジンルイ</t>
    </rPh>
    <rPh sb="22" eb="23">
      <t>ヒ</t>
    </rPh>
    <rPh sb="24" eb="25">
      <t>エ</t>
    </rPh>
    <rPh sb="35" eb="37">
      <t>コダイ</t>
    </rPh>
    <rPh sb="38" eb="39">
      <t>ヒ</t>
    </rPh>
    <rPh sb="42" eb="44">
      <t>ドウグ</t>
    </rPh>
    <rPh sb="45" eb="46">
      <t>ツク</t>
    </rPh>
    <rPh sb="48" eb="49">
      <t>ヒ</t>
    </rPh>
    <rPh sb="50" eb="51">
      <t>オ</t>
    </rPh>
    <phoneticPr fontId="9"/>
  </si>
  <si>
    <t>旧石器ハテナ館まつり</t>
    <rPh sb="0" eb="3">
      <t>キュウセッキ</t>
    </rPh>
    <rPh sb="6" eb="7">
      <t>カン</t>
    </rPh>
    <phoneticPr fontId="9"/>
  </si>
  <si>
    <t>様々な古代体験を通して、多くの方々に「田名向原遺跡」への興味と関心、故郷への愛着を深めていただきます。</t>
    <rPh sb="0" eb="2">
      <t>サマザマ</t>
    </rPh>
    <rPh sb="3" eb="5">
      <t>コダイ</t>
    </rPh>
    <rPh sb="5" eb="7">
      <t>タイケン</t>
    </rPh>
    <rPh sb="8" eb="9">
      <t>トオ</t>
    </rPh>
    <rPh sb="12" eb="13">
      <t>オオ</t>
    </rPh>
    <rPh sb="15" eb="17">
      <t>カタガタ</t>
    </rPh>
    <rPh sb="19" eb="21">
      <t>タナ</t>
    </rPh>
    <rPh sb="21" eb="23">
      <t>ムカイハラ</t>
    </rPh>
    <rPh sb="23" eb="25">
      <t>イセキ</t>
    </rPh>
    <rPh sb="28" eb="30">
      <t>キョウミ</t>
    </rPh>
    <rPh sb="31" eb="33">
      <t>カンシン</t>
    </rPh>
    <rPh sb="34" eb="36">
      <t>コキョウ</t>
    </rPh>
    <rPh sb="38" eb="40">
      <t>アイチャク</t>
    </rPh>
    <rPh sb="41" eb="42">
      <t>フカ</t>
    </rPh>
    <phoneticPr fontId="9"/>
  </si>
  <si>
    <t>川原石のふしぎ</t>
    <rPh sb="0" eb="3">
      <t>カワライシ</t>
    </rPh>
    <phoneticPr fontId="9"/>
  </si>
  <si>
    <t>田名向原遺跡で積極的に利用された相模川の石を観察し、採集した石で自分だけの石図鑑を制作します。</t>
    <phoneticPr fontId="9"/>
  </si>
  <si>
    <t>史跡田名向原遺跡旧石器時代学習館
実習・講習室及び相模川河川敷</t>
    <rPh sb="23" eb="24">
      <t>オヨ</t>
    </rPh>
    <rPh sb="25" eb="27">
      <t>サガミ</t>
    </rPh>
    <rPh sb="27" eb="28">
      <t>ガワ</t>
    </rPh>
    <rPh sb="28" eb="31">
      <t>カセンジキ</t>
    </rPh>
    <phoneticPr fontId="9"/>
  </si>
  <si>
    <t>銅鏡レプリカづくり</t>
    <rPh sb="0" eb="2">
      <t>ドウキョウ</t>
    </rPh>
    <phoneticPr fontId="9"/>
  </si>
  <si>
    <t>勝坂有鹿谷祭祀遺跡の朱文鏡のレプリカを合金を使って鋳造し、鏡面を研磨して仕上げます。</t>
    <rPh sb="0" eb="1">
      <t>カツ</t>
    </rPh>
    <rPh sb="1" eb="2">
      <t>サカ</t>
    </rPh>
    <rPh sb="2" eb="3">
      <t>ア</t>
    </rPh>
    <rPh sb="3" eb="4">
      <t>シカ</t>
    </rPh>
    <rPh sb="4" eb="5">
      <t>タニ</t>
    </rPh>
    <rPh sb="5" eb="7">
      <t>サイシ</t>
    </rPh>
    <rPh sb="7" eb="9">
      <t>イセキ</t>
    </rPh>
    <rPh sb="10" eb="11">
      <t>シュ</t>
    </rPh>
    <rPh sb="11" eb="12">
      <t>モン</t>
    </rPh>
    <rPh sb="12" eb="13">
      <t>キョウ</t>
    </rPh>
    <rPh sb="19" eb="21">
      <t>ゴウキン</t>
    </rPh>
    <rPh sb="22" eb="23">
      <t>ツカ</t>
    </rPh>
    <rPh sb="25" eb="27">
      <t>チュウゾウ</t>
    </rPh>
    <rPh sb="29" eb="31">
      <t>キョウメン</t>
    </rPh>
    <rPh sb="32" eb="34">
      <t>ケンマ</t>
    </rPh>
    <rPh sb="36" eb="38">
      <t>シア</t>
    </rPh>
    <phoneticPr fontId="9"/>
  </si>
  <si>
    <t>当麻地域の古墳探訪</t>
    <rPh sb="0" eb="2">
      <t>トウマ</t>
    </rPh>
    <rPh sb="2" eb="4">
      <t>チイキ</t>
    </rPh>
    <rPh sb="5" eb="7">
      <t>コフン</t>
    </rPh>
    <rPh sb="7" eb="9">
      <t>タンボウ</t>
    </rPh>
    <phoneticPr fontId="9"/>
  </si>
  <si>
    <t>史跡田名向原遺跡旧石器時代学習館周辺の遺跡をめぐり、遺跡への関心、故郷への愛着を深めていただきます。</t>
    <rPh sb="0" eb="16">
      <t>シセキタナムカイハライセキキュウセッキジダイガクシュウカン</t>
    </rPh>
    <rPh sb="16" eb="18">
      <t>シュウヘン</t>
    </rPh>
    <rPh sb="19" eb="21">
      <t>イセキ</t>
    </rPh>
    <rPh sb="26" eb="28">
      <t>イセキ</t>
    </rPh>
    <rPh sb="30" eb="32">
      <t>カンシン</t>
    </rPh>
    <rPh sb="33" eb="35">
      <t>コキョウ</t>
    </rPh>
    <rPh sb="37" eb="39">
      <t>アイチャク</t>
    </rPh>
    <rPh sb="40" eb="41">
      <t>フカ</t>
    </rPh>
    <phoneticPr fontId="9"/>
  </si>
  <si>
    <t>史跡田名向原遺跡旧石器時代学習館周辺</t>
    <rPh sb="16" eb="18">
      <t>シュウヘン</t>
    </rPh>
    <phoneticPr fontId="9"/>
  </si>
  <si>
    <t>布えほん展</t>
    <rPh sb="0" eb="1">
      <t>ヌノ</t>
    </rPh>
    <rPh sb="4" eb="5">
      <t>テン</t>
    </rPh>
    <phoneticPr fontId="2"/>
  </si>
  <si>
    <t>見て触って楽しめる、布絵本の展示を行います。また、布絵本を使ったおはなし会も実施します。
共催：布おもちゃサークル　ピノキオ</t>
    <phoneticPr fontId="2"/>
  </si>
  <si>
    <t>相模原市立図書館</t>
    <rPh sb="0" eb="5">
      <t>サガミハラシリツ</t>
    </rPh>
    <rPh sb="5" eb="8">
      <t>トショカン</t>
    </rPh>
    <phoneticPr fontId="2"/>
  </si>
  <si>
    <t>淵野辺駅</t>
    <rPh sb="0" eb="3">
      <t>フチノベ</t>
    </rPh>
    <phoneticPr fontId="2"/>
  </si>
  <si>
    <t>相模原市立図書館</t>
    <rPh sb="0" eb="3">
      <t>サガミハラ</t>
    </rPh>
    <rPh sb="3" eb="5">
      <t>シリツトショカン</t>
    </rPh>
    <phoneticPr fontId="2"/>
  </si>
  <si>
    <t>相模原市立図書館</t>
  </si>
  <si>
    <t>https://www.lib.sagamihara.kanagawa.jp</t>
  </si>
  <si>
    <t>メルヘンランド</t>
    <phoneticPr fontId="9"/>
  </si>
  <si>
    <t>子どもたちが自ら考え作り上げた、子どものためのおまつりを開催します。</t>
    <rPh sb="0" eb="1">
      <t>コ</t>
    </rPh>
    <rPh sb="6" eb="7">
      <t>ミズカ</t>
    </rPh>
    <rPh sb="8" eb="9">
      <t>カンガ</t>
    </rPh>
    <rPh sb="10" eb="11">
      <t>ツク</t>
    </rPh>
    <rPh sb="12" eb="13">
      <t>ア</t>
    </rPh>
    <rPh sb="16" eb="17">
      <t>コ</t>
    </rPh>
    <rPh sb="28" eb="30">
      <t>カイサイ</t>
    </rPh>
    <phoneticPr fontId="9"/>
  </si>
  <si>
    <t>小山公民館</t>
    <rPh sb="0" eb="5">
      <t>オヤマコウミンカン</t>
    </rPh>
    <phoneticPr fontId="2"/>
  </si>
  <si>
    <t>相模原駅</t>
    <rPh sb="0" eb="3">
      <t>サガミハラ</t>
    </rPh>
    <rPh sb="3" eb="4">
      <t>エキ</t>
    </rPh>
    <phoneticPr fontId="2"/>
  </si>
  <si>
    <t>小山公民館メルヘンランド実行委員会</t>
    <rPh sb="0" eb="2">
      <t>オヤマ</t>
    </rPh>
    <rPh sb="2" eb="5">
      <t>コウミンカン</t>
    </rPh>
    <rPh sb="12" eb="14">
      <t>ジッコウ</t>
    </rPh>
    <rPh sb="14" eb="17">
      <t>イインカイ</t>
    </rPh>
    <phoneticPr fontId="2"/>
  </si>
  <si>
    <t>幼児・小学生向け</t>
    <rPh sb="0" eb="2">
      <t>ヨウジ</t>
    </rPh>
    <rPh sb="3" eb="6">
      <t>ショウガクセイ</t>
    </rPh>
    <rPh sb="6" eb="7">
      <t>ム</t>
    </rPh>
    <phoneticPr fontId="2"/>
  </si>
  <si>
    <t>市民健康まつり
～体力測定～</t>
    <phoneticPr fontId="9"/>
  </si>
  <si>
    <t>気軽に参加できる体力測定を行います。
自分の体力を把握して、運動を始めるきっかけを作りましょう。</t>
    <phoneticPr fontId="9"/>
  </si>
  <si>
    <t>星が丘小学校
校庭</t>
    <rPh sb="0" eb="1">
      <t>ホシ</t>
    </rPh>
    <rPh sb="2" eb="3">
      <t>オカ</t>
    </rPh>
    <rPh sb="3" eb="6">
      <t>ショウガッコウ</t>
    </rPh>
    <rPh sb="7" eb="9">
      <t>コウテイ</t>
    </rPh>
    <phoneticPr fontId="2"/>
  </si>
  <si>
    <t>上溝駅</t>
    <rPh sb="0" eb="2">
      <t>カミミゾ</t>
    </rPh>
    <rPh sb="2" eb="3">
      <t>エキ</t>
    </rPh>
    <phoneticPr fontId="2"/>
  </si>
  <si>
    <t>星が丘公民館市民健康まつり実行委員会</t>
    <rPh sb="13" eb="15">
      <t>ジッコウ</t>
    </rPh>
    <rPh sb="15" eb="18">
      <t>イインカイ</t>
    </rPh>
    <phoneticPr fontId="2"/>
  </si>
  <si>
    <t>星が丘公民館</t>
    <rPh sb="0" eb="1">
      <t>ホシ</t>
    </rPh>
    <rPh sb="2" eb="3">
      <t>オカ</t>
    </rPh>
    <rPh sb="3" eb="6">
      <t>コウミンカン</t>
    </rPh>
    <phoneticPr fontId="2"/>
  </si>
  <si>
    <t>秋のハイキング</t>
    <rPh sb="0" eb="1">
      <t>アキ</t>
    </rPh>
    <phoneticPr fontId="9"/>
  </si>
  <si>
    <t>館区内の参加者が秋の深まりを感じながら、ウォーキングをとおして、健康増進と親睦、交流を深める場とします。</t>
    <rPh sb="0" eb="3">
      <t>カンクナイ</t>
    </rPh>
    <rPh sb="4" eb="7">
      <t>サンカシャ</t>
    </rPh>
    <rPh sb="8" eb="9">
      <t>アキ</t>
    </rPh>
    <rPh sb="10" eb="11">
      <t>フカ</t>
    </rPh>
    <rPh sb="14" eb="15">
      <t>カン</t>
    </rPh>
    <rPh sb="32" eb="36">
      <t>ケンコウゾウシン</t>
    </rPh>
    <rPh sb="37" eb="39">
      <t>シンボク</t>
    </rPh>
    <rPh sb="40" eb="42">
      <t>コウリュウ</t>
    </rPh>
    <rPh sb="43" eb="44">
      <t>フカ</t>
    </rPh>
    <rPh sb="46" eb="47">
      <t>バ</t>
    </rPh>
    <phoneticPr fontId="9"/>
  </si>
  <si>
    <t>星が丘公民館体育委員会</t>
    <rPh sb="0" eb="1">
      <t>ホシ</t>
    </rPh>
    <rPh sb="2" eb="3">
      <t>オカ</t>
    </rPh>
    <rPh sb="3" eb="6">
      <t>コウミンカン</t>
    </rPh>
    <rPh sb="6" eb="8">
      <t>タイイク</t>
    </rPh>
    <rPh sb="8" eb="11">
      <t>イインカイ</t>
    </rPh>
    <phoneticPr fontId="2"/>
  </si>
  <si>
    <t>星が丘公民館区在住・在勤・小学生以上（小学生は保護者同伴）</t>
    <rPh sb="0" eb="1">
      <t>ホシ</t>
    </rPh>
    <rPh sb="2" eb="3">
      <t>オカ</t>
    </rPh>
    <rPh sb="3" eb="5">
      <t>コウミン</t>
    </rPh>
    <rPh sb="6" eb="7">
      <t>ク</t>
    </rPh>
    <rPh sb="7" eb="9">
      <t>ザイジュウ</t>
    </rPh>
    <rPh sb="10" eb="12">
      <t>ザイキン</t>
    </rPh>
    <rPh sb="13" eb="16">
      <t>ショウガクセイ</t>
    </rPh>
    <rPh sb="16" eb="18">
      <t>イジョウ</t>
    </rPh>
    <rPh sb="19" eb="22">
      <t>ショウガクセイ</t>
    </rPh>
    <rPh sb="23" eb="26">
      <t>ホゴシャ</t>
    </rPh>
    <rPh sb="26" eb="28">
      <t>ドウハン</t>
    </rPh>
    <phoneticPr fontId="2"/>
  </si>
  <si>
    <t>星が丘公民館</t>
    <rPh sb="0" eb="1">
      <t>ホシ</t>
    </rPh>
    <rPh sb="2" eb="6">
      <t>オカコウミンカン</t>
    </rPh>
    <phoneticPr fontId="2"/>
  </si>
  <si>
    <t>あそび村④おもしろ実験</t>
    <rPh sb="3" eb="4">
      <t>ムラ</t>
    </rPh>
    <rPh sb="9" eb="11">
      <t>ジッケン</t>
    </rPh>
    <phoneticPr fontId="9"/>
  </si>
  <si>
    <t>小学生を対象に科学実験と簡単な工作を行います。</t>
    <rPh sb="0" eb="3">
      <t>ショウガクセイ</t>
    </rPh>
    <rPh sb="4" eb="6">
      <t>タイショウ</t>
    </rPh>
    <rPh sb="7" eb="11">
      <t>カガクジッケン</t>
    </rPh>
    <rPh sb="12" eb="14">
      <t>カンタン</t>
    </rPh>
    <rPh sb="15" eb="17">
      <t>コウサク</t>
    </rPh>
    <rPh sb="18" eb="19">
      <t>オコナ</t>
    </rPh>
    <phoneticPr fontId="9"/>
  </si>
  <si>
    <t>清新公民館</t>
    <rPh sb="0" eb="5">
      <t>セイシンコウミンカン</t>
    </rPh>
    <phoneticPr fontId="2"/>
  </si>
  <si>
    <t>相模原駅
南橋本駅</t>
    <rPh sb="0" eb="4">
      <t>サガミハラエキ</t>
    </rPh>
    <rPh sb="5" eb="9">
      <t>ミナミハシモトエキ</t>
    </rPh>
    <phoneticPr fontId="2"/>
  </si>
  <si>
    <t>清新公民館青少年部</t>
    <rPh sb="0" eb="2">
      <t>セイシン</t>
    </rPh>
    <rPh sb="2" eb="5">
      <t>コウミンカン</t>
    </rPh>
    <rPh sb="5" eb="9">
      <t>セイショウネンブ</t>
    </rPh>
    <phoneticPr fontId="2"/>
  </si>
  <si>
    <t>清新公民館区在住の小学生</t>
    <rPh sb="0" eb="2">
      <t>セイシン</t>
    </rPh>
    <rPh sb="2" eb="4">
      <t>コウミン</t>
    </rPh>
    <rPh sb="4" eb="6">
      <t>カンク</t>
    </rPh>
    <rPh sb="6" eb="8">
      <t>ザイジュウ</t>
    </rPh>
    <rPh sb="9" eb="12">
      <t>ショウガクセイ</t>
    </rPh>
    <phoneticPr fontId="2"/>
  </si>
  <si>
    <t>清新公民館</t>
    <rPh sb="0" eb="2">
      <t>セイシン</t>
    </rPh>
    <rPh sb="2" eb="5">
      <t>コウミンカン</t>
    </rPh>
    <phoneticPr fontId="2"/>
  </si>
  <si>
    <t>図書室展示事業（認知症月間）</t>
    <rPh sb="0" eb="7">
      <t>トショシツテンジジギョウ</t>
    </rPh>
    <rPh sb="8" eb="13">
      <t>ニンチショウゲッカン</t>
    </rPh>
    <phoneticPr fontId="9"/>
  </si>
  <si>
    <t>認知症月間に合わせ、関連する本などを展示します。</t>
    <rPh sb="0" eb="5">
      <t>ニンチショウゲッカン</t>
    </rPh>
    <rPh sb="6" eb="7">
      <t>ア</t>
    </rPh>
    <rPh sb="10" eb="12">
      <t>カンレン</t>
    </rPh>
    <rPh sb="14" eb="15">
      <t>ホン</t>
    </rPh>
    <rPh sb="18" eb="20">
      <t>テンジ</t>
    </rPh>
    <phoneticPr fontId="9"/>
  </si>
  <si>
    <t>清新公民館（図書室）</t>
    <rPh sb="0" eb="5">
      <t>セイシンコウミンカン</t>
    </rPh>
    <rPh sb="6" eb="9">
      <t>トショシツ</t>
    </rPh>
    <phoneticPr fontId="2"/>
  </si>
  <si>
    <t>健康ウォーキング②</t>
    <rPh sb="0" eb="2">
      <t>ケンコウ</t>
    </rPh>
    <phoneticPr fontId="9"/>
  </si>
  <si>
    <t>健康づくりのためのウォーキングをします。</t>
    <rPh sb="0" eb="2">
      <t>ケンコウ</t>
    </rPh>
    <phoneticPr fontId="9"/>
  </si>
  <si>
    <t>清新公民館体育部</t>
    <rPh sb="0" eb="2">
      <t>セイシン</t>
    </rPh>
    <rPh sb="2" eb="5">
      <t>コウミンカン</t>
    </rPh>
    <rPh sb="5" eb="8">
      <t>タイイクブ</t>
    </rPh>
    <phoneticPr fontId="2"/>
  </si>
  <si>
    <t>清新公民館区在住、在勤の方</t>
    <rPh sb="6" eb="8">
      <t>ザイジュウ</t>
    </rPh>
    <phoneticPr fontId="2"/>
  </si>
  <si>
    <t>あそび村⑤ボッチャ大会</t>
    <rPh sb="3" eb="4">
      <t>ムラ</t>
    </rPh>
    <rPh sb="9" eb="11">
      <t>タイカイ</t>
    </rPh>
    <phoneticPr fontId="9"/>
  </si>
  <si>
    <t>子どもを対象としたボッチャ大会を開催します。</t>
    <rPh sb="0" eb="1">
      <t>コ</t>
    </rPh>
    <rPh sb="4" eb="6">
      <t>タイショウ</t>
    </rPh>
    <rPh sb="13" eb="15">
      <t>タイカイ</t>
    </rPh>
    <rPh sb="16" eb="18">
      <t>カイサイ</t>
    </rPh>
    <phoneticPr fontId="9"/>
  </si>
  <si>
    <t>清新公民館区在住小学生を1人以上含む3人1組のチーム</t>
    <rPh sb="0" eb="2">
      <t>セイシン</t>
    </rPh>
    <rPh sb="2" eb="4">
      <t>コウミン</t>
    </rPh>
    <rPh sb="4" eb="6">
      <t>カンク</t>
    </rPh>
    <rPh sb="6" eb="8">
      <t>ザイジュウ</t>
    </rPh>
    <rPh sb="8" eb="11">
      <t>ショウガクセイ</t>
    </rPh>
    <rPh sb="13" eb="14">
      <t>ニン</t>
    </rPh>
    <rPh sb="14" eb="16">
      <t>イジョウ</t>
    </rPh>
    <rPh sb="16" eb="17">
      <t>フク</t>
    </rPh>
    <rPh sb="19" eb="20">
      <t>ニン</t>
    </rPh>
    <rPh sb="21" eb="22">
      <t>クミ</t>
    </rPh>
    <phoneticPr fontId="2"/>
  </si>
  <si>
    <t>公民館まつり</t>
    <rPh sb="0" eb="3">
      <t>コウミンカン</t>
    </rPh>
    <phoneticPr fontId="9"/>
  </si>
  <si>
    <t>作品展示、芸能大会、模擬店などを行い、日頃の活動の成果を発表します。</t>
    <rPh sb="0" eb="4">
      <t>サクヒンテンジ</t>
    </rPh>
    <rPh sb="5" eb="9">
      <t>ゲイノウタイカイ</t>
    </rPh>
    <rPh sb="10" eb="13">
      <t>モギテン</t>
    </rPh>
    <rPh sb="16" eb="17">
      <t>オコナ</t>
    </rPh>
    <rPh sb="19" eb="21">
      <t>ヒゴロ</t>
    </rPh>
    <rPh sb="22" eb="24">
      <t>カツドウ</t>
    </rPh>
    <rPh sb="25" eb="27">
      <t>セイカ</t>
    </rPh>
    <rPh sb="28" eb="30">
      <t>ハッピョウ</t>
    </rPh>
    <phoneticPr fontId="9"/>
  </si>
  <si>
    <t>清新公民館
まつり実行委員会</t>
    <rPh sb="0" eb="5">
      <t>セイシンコウミンカン</t>
    </rPh>
    <rPh sb="9" eb="14">
      <t>ジッコウイインカイ</t>
    </rPh>
    <phoneticPr fontId="2"/>
  </si>
  <si>
    <t>参加者：清新公民館利用団体・個人
来場者：一般の方</t>
    <rPh sb="0" eb="3">
      <t>サンカシャ</t>
    </rPh>
    <rPh sb="4" eb="6">
      <t>セイシン</t>
    </rPh>
    <rPh sb="6" eb="9">
      <t>コウミンカン</t>
    </rPh>
    <rPh sb="9" eb="11">
      <t>リヨウ</t>
    </rPh>
    <rPh sb="11" eb="13">
      <t>ダンタイ</t>
    </rPh>
    <rPh sb="14" eb="16">
      <t>コジン</t>
    </rPh>
    <rPh sb="17" eb="20">
      <t>ライジョウシャ</t>
    </rPh>
    <rPh sb="21" eb="23">
      <t>イッパン</t>
    </rPh>
    <rPh sb="24" eb="25">
      <t>カタ</t>
    </rPh>
    <phoneticPr fontId="2"/>
  </si>
  <si>
    <t>清新体育デー</t>
    <rPh sb="0" eb="4">
      <t>セイシンタイイク</t>
    </rPh>
    <phoneticPr fontId="9"/>
  </si>
  <si>
    <t>レクリエーションを通じて住民相互の親睦・交流を図ります。</t>
    <rPh sb="4" eb="6">
      <t>シンボク</t>
    </rPh>
    <rPh sb="7" eb="9">
      <t>コウリュウ</t>
    </rPh>
    <rPh sb="10" eb="11">
      <t>ハカ</t>
    </rPh>
    <phoneticPr fontId="9"/>
  </si>
  <si>
    <t>清新小学校</t>
    <rPh sb="0" eb="2">
      <t>セイシン</t>
    </rPh>
    <rPh sb="2" eb="5">
      <t>ショウガッコウ</t>
    </rPh>
    <phoneticPr fontId="2"/>
  </si>
  <si>
    <t>清新体育デー実行委員会</t>
    <rPh sb="0" eb="4">
      <t>セイシンタイイク</t>
    </rPh>
    <rPh sb="6" eb="11">
      <t>ジッコウイインカイ</t>
    </rPh>
    <phoneticPr fontId="2"/>
  </si>
  <si>
    <t>中央地区
スボーツフェスタ</t>
    <phoneticPr fontId="9"/>
  </si>
  <si>
    <t>地域住民の積極的な参加を得て、相互交流の中で連帯意識の高揚と明るい地域社会づくりを目的とします。スポーツ・レクリェーションに親しむ機会を設け、事業を通じて交流する場とし、親睦を深めます。</t>
    <rPh sb="81" eb="82">
      <t>バ</t>
    </rPh>
    <rPh sb="85" eb="87">
      <t>シンボク</t>
    </rPh>
    <rPh sb="88" eb="89">
      <t>フカ</t>
    </rPh>
    <phoneticPr fontId="9"/>
  </si>
  <si>
    <t>中央公民館区内小学校</t>
    <rPh sb="0" eb="2">
      <t>チュウオウ</t>
    </rPh>
    <rPh sb="2" eb="5">
      <t>コウミンカン</t>
    </rPh>
    <rPh sb="5" eb="6">
      <t>ク</t>
    </rPh>
    <rPh sb="6" eb="7">
      <t>ナイ</t>
    </rPh>
    <rPh sb="7" eb="10">
      <t>ショウガッコウ</t>
    </rPh>
    <phoneticPr fontId="2"/>
  </si>
  <si>
    <t>中央地区スボーツフェスタ実行委員会</t>
    <phoneticPr fontId="2"/>
  </si>
  <si>
    <t>中央公民館区在住の方、一般の方</t>
    <rPh sb="0" eb="2">
      <t>チュウオウ</t>
    </rPh>
    <rPh sb="2" eb="5">
      <t>コウミンカン</t>
    </rPh>
    <rPh sb="5" eb="6">
      <t>ク</t>
    </rPh>
    <rPh sb="6" eb="8">
      <t>ザイジュウ</t>
    </rPh>
    <rPh sb="9" eb="10">
      <t>カタ</t>
    </rPh>
    <rPh sb="11" eb="13">
      <t>イッパン</t>
    </rPh>
    <rPh sb="14" eb="15">
      <t>カタ</t>
    </rPh>
    <phoneticPr fontId="2"/>
  </si>
  <si>
    <t>中央公民館</t>
    <rPh sb="0" eb="2">
      <t>チュウオウ</t>
    </rPh>
    <rPh sb="2" eb="5">
      <t>コウミンカン</t>
    </rPh>
    <phoneticPr fontId="2"/>
  </si>
  <si>
    <t>中央地区っていいなぁフェア</t>
    <phoneticPr fontId="9"/>
  </si>
  <si>
    <t>中央地区っていいなぁフェアを通じ、人と人とのふれあいを大切に、皆が安心して健康に暮らし、子どもたちがのびのびと成長でき、中央地区の魅力を感じ、楽しみを体験・共有できるものとします。</t>
    <phoneticPr fontId="9"/>
  </si>
  <si>
    <t>矢部駅</t>
    <rPh sb="0" eb="2">
      <t>ヤベ</t>
    </rPh>
    <rPh sb="2" eb="3">
      <t>エキ</t>
    </rPh>
    <phoneticPr fontId="2"/>
  </si>
  <si>
    <t>中央地区っていいなぁフェア実行委員会</t>
    <phoneticPr fontId="2"/>
  </si>
  <si>
    <t>参加者：中央公民館利用者
来場者：一般の方</t>
    <rPh sb="0" eb="3">
      <t>サンカシャ</t>
    </rPh>
    <rPh sb="4" eb="6">
      <t>チュウオウ</t>
    </rPh>
    <rPh sb="6" eb="9">
      <t>コウミンカン</t>
    </rPh>
    <rPh sb="9" eb="12">
      <t>リヨウシャ</t>
    </rPh>
    <rPh sb="13" eb="16">
      <t>ライジョウシャ</t>
    </rPh>
    <rPh sb="17" eb="19">
      <t>イッパン</t>
    </rPh>
    <rPh sb="20" eb="21">
      <t>カタ</t>
    </rPh>
    <phoneticPr fontId="2"/>
  </si>
  <si>
    <t>よこやま秋の芸術祭</t>
    <rPh sb="4" eb="5">
      <t>アキ</t>
    </rPh>
    <rPh sb="6" eb="8">
      <t>ゲイジュツ</t>
    </rPh>
    <rPh sb="8" eb="9">
      <t>サイ</t>
    </rPh>
    <phoneticPr fontId="9"/>
  </si>
  <si>
    <t>公民館と地域団体（学校）が連携して、学生達の日頃の活動発表の機会を設け、音楽を通して、地域住民と学校との連帯感を高める場とします。</t>
    <rPh sb="59" eb="60">
      <t>バ</t>
    </rPh>
    <phoneticPr fontId="9"/>
  </si>
  <si>
    <t>横山公民館
大会議室</t>
    <rPh sb="0" eb="2">
      <t>ヨコヤマ</t>
    </rPh>
    <rPh sb="2" eb="5">
      <t>コウミンカン</t>
    </rPh>
    <rPh sb="6" eb="10">
      <t>ダイカイギシツ</t>
    </rPh>
    <phoneticPr fontId="2"/>
  </si>
  <si>
    <t>横山公民館
文化部</t>
    <rPh sb="0" eb="5">
      <t>ヨコヤマコウミンカン</t>
    </rPh>
    <rPh sb="6" eb="9">
      <t>ブンカブ</t>
    </rPh>
    <phoneticPr fontId="2"/>
  </si>
  <si>
    <t>横山公民館区在住の方</t>
    <rPh sb="0" eb="2">
      <t>ヨコヤマ</t>
    </rPh>
    <rPh sb="2" eb="5">
      <t>コウミンカン</t>
    </rPh>
    <rPh sb="5" eb="6">
      <t>ク</t>
    </rPh>
    <rPh sb="6" eb="8">
      <t>ザイジュウ</t>
    </rPh>
    <rPh sb="9" eb="10">
      <t>カタ</t>
    </rPh>
    <phoneticPr fontId="2"/>
  </si>
  <si>
    <t>横山公民館</t>
    <rPh sb="0" eb="5">
      <t>ヨコヤマコウミンカン</t>
    </rPh>
    <phoneticPr fontId="2"/>
  </si>
  <si>
    <t>横山地区エンジョイスポーツＤＡＹ</t>
    <rPh sb="0" eb="4">
      <t>ヨコヤマチク</t>
    </rPh>
    <phoneticPr fontId="9"/>
  </si>
  <si>
    <t>スポーツ・レクリエーションに親しむ機会を設け、地域住民の相互交流の中で親睦と連帯の促進を図る場とします。</t>
    <rPh sb="46" eb="47">
      <t>バ</t>
    </rPh>
    <phoneticPr fontId="9"/>
  </si>
  <si>
    <t>横山小学校</t>
    <rPh sb="0" eb="2">
      <t>ヨコヤマ</t>
    </rPh>
    <rPh sb="2" eb="5">
      <t>ショウガッコウ</t>
    </rPh>
    <phoneticPr fontId="2"/>
  </si>
  <si>
    <t>横山地区エンジョイスポーツＤＡＹ実行委員会</t>
    <rPh sb="0" eb="2">
      <t>ヨコヤマ</t>
    </rPh>
    <rPh sb="2" eb="4">
      <t>チク</t>
    </rPh>
    <rPh sb="16" eb="18">
      <t>ジッコウ</t>
    </rPh>
    <rPh sb="18" eb="21">
      <t>イインカイ</t>
    </rPh>
    <phoneticPr fontId="2"/>
  </si>
  <si>
    <t>さつまいも掘り体験</t>
    <rPh sb="5" eb="6">
      <t>ホ</t>
    </rPh>
    <rPh sb="7" eb="9">
      <t>タイケン</t>
    </rPh>
    <phoneticPr fontId="9"/>
  </si>
  <si>
    <t>掘り体験を通じて、子どもたちが知識や経験を広げるために学ぶ場とします。</t>
    <rPh sb="0" eb="1">
      <t>ホ</t>
    </rPh>
    <rPh sb="2" eb="4">
      <t>タイケン</t>
    </rPh>
    <rPh sb="5" eb="6">
      <t>ツウ</t>
    </rPh>
    <phoneticPr fontId="9"/>
  </si>
  <si>
    <t>花苗センター</t>
    <rPh sb="0" eb="2">
      <t>ハナナエ</t>
    </rPh>
    <phoneticPr fontId="2"/>
  </si>
  <si>
    <t>雨窪（バス停）</t>
    <rPh sb="0" eb="1">
      <t>アメ</t>
    </rPh>
    <rPh sb="1" eb="2">
      <t>クボ</t>
    </rPh>
    <rPh sb="5" eb="6">
      <t>テイ</t>
    </rPh>
    <phoneticPr fontId="2"/>
  </si>
  <si>
    <t>陽光台公民館青少年部</t>
    <rPh sb="0" eb="3">
      <t>ヨウコウダイ</t>
    </rPh>
    <rPh sb="3" eb="6">
      <t>コウミンカン</t>
    </rPh>
    <rPh sb="6" eb="10">
      <t>セイショウネンブ</t>
    </rPh>
    <phoneticPr fontId="2"/>
  </si>
  <si>
    <t>陽光台地区及び光が丘地区在住の小学生とその保護者</t>
    <rPh sb="5" eb="6">
      <t>オヨ</t>
    </rPh>
    <rPh sb="7" eb="8">
      <t>ヒカリ</t>
    </rPh>
    <rPh sb="9" eb="10">
      <t>オカ</t>
    </rPh>
    <rPh sb="10" eb="12">
      <t>チク</t>
    </rPh>
    <rPh sb="12" eb="14">
      <t>ザイジュウ</t>
    </rPh>
    <rPh sb="15" eb="18">
      <t>ショウガクセイ</t>
    </rPh>
    <phoneticPr fontId="2"/>
  </si>
  <si>
    <t>陽光台公民館</t>
    <rPh sb="0" eb="3">
      <t>ヨウコウダイ</t>
    </rPh>
    <rPh sb="3" eb="6">
      <t>コウミンカン</t>
    </rPh>
    <phoneticPr fontId="2"/>
  </si>
  <si>
    <t>陽光台子どもまつり</t>
    <rPh sb="0" eb="3">
      <t>ヨウコウダイ</t>
    </rPh>
    <rPh sb="3" eb="4">
      <t>コ</t>
    </rPh>
    <phoneticPr fontId="9"/>
  </si>
  <si>
    <t>子どもたちがまつりに参加することにより、自主性と協調性を養うとともに、参加者同士の交流の場とします。</t>
    <rPh sb="38" eb="40">
      <t>ドウシ</t>
    </rPh>
    <rPh sb="41" eb="43">
      <t>コウリュウ</t>
    </rPh>
    <rPh sb="44" eb="45">
      <t>バ</t>
    </rPh>
    <phoneticPr fontId="9"/>
  </si>
  <si>
    <t>淵野辺駅</t>
    <rPh sb="0" eb="4">
      <t>フチノベエキ</t>
    </rPh>
    <phoneticPr fontId="2"/>
  </si>
  <si>
    <t>子どもまつり実行委員会</t>
    <rPh sb="0" eb="1">
      <t>コ</t>
    </rPh>
    <rPh sb="6" eb="11">
      <t>ジッコウイインカイ</t>
    </rPh>
    <phoneticPr fontId="2"/>
  </si>
  <si>
    <t>陽光台公民館区在住の方</t>
    <rPh sb="0" eb="6">
      <t>ヨウコウダイコウミンカン</t>
    </rPh>
    <rPh sb="6" eb="7">
      <t>ク</t>
    </rPh>
    <rPh sb="7" eb="9">
      <t>ザイジュウ</t>
    </rPh>
    <rPh sb="10" eb="11">
      <t>カタ</t>
    </rPh>
    <phoneticPr fontId="2"/>
  </si>
  <si>
    <t>そば打ち講座</t>
    <rPh sb="2" eb="3">
      <t>ウ</t>
    </rPh>
    <rPh sb="4" eb="6">
      <t>コウザ</t>
    </rPh>
    <phoneticPr fontId="9"/>
  </si>
  <si>
    <t>そば打ちを学びながら、参加者同士の交流の場とします。</t>
    <phoneticPr fontId="9"/>
  </si>
  <si>
    <t>陽光台公民館文化部</t>
    <rPh sb="0" eb="3">
      <t>ヨウコウダイ</t>
    </rPh>
    <rPh sb="3" eb="6">
      <t>コウミンカン</t>
    </rPh>
    <rPh sb="6" eb="9">
      <t>ブンカブ</t>
    </rPh>
    <phoneticPr fontId="2"/>
  </si>
  <si>
    <t>陽光台地区及び光が丘地区在住の中学生以上</t>
    <rPh sb="0" eb="3">
      <t>ヨウコウダイ</t>
    </rPh>
    <rPh sb="3" eb="5">
      <t>チク</t>
    </rPh>
    <rPh sb="5" eb="6">
      <t>オヨ</t>
    </rPh>
    <rPh sb="7" eb="8">
      <t>ヒカリ</t>
    </rPh>
    <rPh sb="9" eb="12">
      <t>オカチク</t>
    </rPh>
    <rPh sb="12" eb="14">
      <t>ザイジュウ</t>
    </rPh>
    <rPh sb="15" eb="18">
      <t>チュウガクセイ</t>
    </rPh>
    <rPh sb="18" eb="20">
      <t>イジョウ</t>
    </rPh>
    <phoneticPr fontId="2"/>
  </si>
  <si>
    <t>スローピッチソフトボール大会</t>
    <rPh sb="12" eb="14">
      <t>タイカイ</t>
    </rPh>
    <phoneticPr fontId="9"/>
  </si>
  <si>
    <t>住民の体力向上の機会とするとともに、住民間の親睦及び交流の場として地域の体育振興を図ります。</t>
    <phoneticPr fontId="9"/>
  </si>
  <si>
    <t>下溝古山スポーツ広場</t>
    <rPh sb="0" eb="2">
      <t>シモミゾ</t>
    </rPh>
    <rPh sb="2" eb="4">
      <t>コヤマ</t>
    </rPh>
    <rPh sb="8" eb="10">
      <t>ヒロバ</t>
    </rPh>
    <phoneticPr fontId="2"/>
  </si>
  <si>
    <t>相模原浄水場（バス停）</t>
    <rPh sb="0" eb="3">
      <t>サガミハラ</t>
    </rPh>
    <rPh sb="3" eb="6">
      <t>ジョウスイジョウ</t>
    </rPh>
    <rPh sb="9" eb="10">
      <t>テイ</t>
    </rPh>
    <phoneticPr fontId="2"/>
  </si>
  <si>
    <t>陽光台公民館体育部</t>
    <rPh sb="0" eb="3">
      <t>ヨウコウダイ</t>
    </rPh>
    <rPh sb="3" eb="6">
      <t>コウミンカン</t>
    </rPh>
    <rPh sb="6" eb="9">
      <t>タイイクブ</t>
    </rPh>
    <phoneticPr fontId="2"/>
  </si>
  <si>
    <t>陽光台公民館区在住の30歳以上の男性、18歳以上の女性</t>
    <rPh sb="0" eb="3">
      <t>ヨウコウダイ</t>
    </rPh>
    <rPh sb="3" eb="5">
      <t>コウミン</t>
    </rPh>
    <phoneticPr fontId="2"/>
  </si>
  <si>
    <t>史跡勝坂公園遺跡ガイド</t>
    <rPh sb="0" eb="2">
      <t>シセキ</t>
    </rPh>
    <rPh sb="2" eb="3">
      <t>カツ</t>
    </rPh>
    <rPh sb="3" eb="4">
      <t>サカ</t>
    </rPh>
    <rPh sb="4" eb="6">
      <t>コウエン</t>
    </rPh>
    <rPh sb="6" eb="8">
      <t>イセキ</t>
    </rPh>
    <phoneticPr fontId="9"/>
  </si>
  <si>
    <t>勝坂遺跡活用実行委員会のボランティアガイドが無料で遺跡をわかりやすくご案内します。予約制ではありませんので、ガイド希望の方は公園管理棟にてお気軽にお声がけください。</t>
    <rPh sb="0" eb="2">
      <t>カッサカ</t>
    </rPh>
    <rPh sb="2" eb="4">
      <t>イセキ</t>
    </rPh>
    <rPh sb="4" eb="6">
      <t>カツヨウ</t>
    </rPh>
    <rPh sb="6" eb="8">
      <t>ジッコウ</t>
    </rPh>
    <rPh sb="8" eb="11">
      <t>イインカイ</t>
    </rPh>
    <rPh sb="22" eb="24">
      <t>ムリョウ</t>
    </rPh>
    <rPh sb="25" eb="27">
      <t>イセキ</t>
    </rPh>
    <rPh sb="35" eb="37">
      <t>アンナイ</t>
    </rPh>
    <rPh sb="41" eb="44">
      <t>ヨヤクセイ</t>
    </rPh>
    <rPh sb="57" eb="59">
      <t>キボウ</t>
    </rPh>
    <rPh sb="60" eb="61">
      <t>カタ</t>
    </rPh>
    <rPh sb="62" eb="64">
      <t>コウエン</t>
    </rPh>
    <rPh sb="64" eb="66">
      <t>カンリ</t>
    </rPh>
    <rPh sb="66" eb="67">
      <t>トウ</t>
    </rPh>
    <rPh sb="70" eb="72">
      <t>キガル</t>
    </rPh>
    <rPh sb="74" eb="75">
      <t>コエ</t>
    </rPh>
    <phoneticPr fontId="1"/>
  </si>
  <si>
    <t>史跡勝坂遺跡公園</t>
    <rPh sb="0" eb="8">
      <t>カッサカ</t>
    </rPh>
    <phoneticPr fontId="2"/>
  </si>
  <si>
    <t>上磯部入口（バス停）</t>
    <rPh sb="0" eb="1">
      <t>カミ</t>
    </rPh>
    <rPh sb="1" eb="3">
      <t>イソベ</t>
    </rPh>
    <rPh sb="3" eb="5">
      <t>イリグチ</t>
    </rPh>
    <rPh sb="8" eb="9">
      <t>テイ</t>
    </rPh>
    <phoneticPr fontId="9"/>
  </si>
  <si>
    <t>相模原市教育委員会
文化財課</t>
    <rPh sb="0" eb="4">
      <t>サガミハラシ</t>
    </rPh>
    <rPh sb="4" eb="6">
      <t>キョウイク</t>
    </rPh>
    <rPh sb="6" eb="9">
      <t>イインカイ</t>
    </rPh>
    <rPh sb="10" eb="13">
      <t>ブンカザイ</t>
    </rPh>
    <rPh sb="13" eb="14">
      <t>カ</t>
    </rPh>
    <phoneticPr fontId="2"/>
  </si>
  <si>
    <t>勝坂遺跡縄文まつり</t>
    <rPh sb="0" eb="1">
      <t>カツ</t>
    </rPh>
    <rPh sb="1" eb="2">
      <t>サカ</t>
    </rPh>
    <rPh sb="2" eb="4">
      <t>イセキ</t>
    </rPh>
    <rPh sb="4" eb="6">
      <t>ジョウモン</t>
    </rPh>
    <phoneticPr fontId="9"/>
  </si>
  <si>
    <t>縄文時代を体感できるブースなど、盛りだくさんのイベントを用意しています。</t>
    <phoneticPr fontId="1"/>
  </si>
  <si>
    <t>文化財探訪</t>
    <rPh sb="0" eb="3">
      <t>ブンカザイ</t>
    </rPh>
    <rPh sb="3" eb="5">
      <t>タンボウ</t>
    </rPh>
    <phoneticPr fontId="9"/>
  </si>
  <si>
    <t>無量光寺の開山忌に合わせて探訪します。（主催：市文化財研究協議会）</t>
    <rPh sb="0" eb="4">
      <t>ムリョウコウジ</t>
    </rPh>
    <rPh sb="5" eb="7">
      <t>カイザン</t>
    </rPh>
    <rPh sb="7" eb="8">
      <t>キ</t>
    </rPh>
    <rPh sb="9" eb="10">
      <t>ア</t>
    </rPh>
    <rPh sb="13" eb="15">
      <t>タンボウ</t>
    </rPh>
    <rPh sb="20" eb="22">
      <t>シュサイ</t>
    </rPh>
    <rPh sb="23" eb="24">
      <t>シ</t>
    </rPh>
    <rPh sb="24" eb="27">
      <t>ブンカザイ</t>
    </rPh>
    <rPh sb="27" eb="29">
      <t>ケンキュウ</t>
    </rPh>
    <rPh sb="29" eb="32">
      <t>キョウギカイ</t>
    </rPh>
    <phoneticPr fontId="9"/>
  </si>
  <si>
    <t>無量光寺周辺</t>
    <rPh sb="0" eb="4">
      <t>ムリョウコウジ</t>
    </rPh>
    <rPh sb="4" eb="6">
      <t>シュウヘン</t>
    </rPh>
    <phoneticPr fontId="9"/>
  </si>
  <si>
    <t>当麻市場
（バス停）</t>
    <rPh sb="0" eb="2">
      <t>タイマ</t>
    </rPh>
    <rPh sb="2" eb="4">
      <t>シジョウ</t>
    </rPh>
    <rPh sb="8" eb="9">
      <t>テイ</t>
    </rPh>
    <phoneticPr fontId="9"/>
  </si>
  <si>
    <t>相模原市教育委員会文化財課</t>
    <rPh sb="0" eb="4">
      <t>サガミハラシ</t>
    </rPh>
    <rPh sb="4" eb="9">
      <t>キョウイクイインカイ</t>
    </rPh>
    <rPh sb="9" eb="12">
      <t>ブンカザイ</t>
    </rPh>
    <rPh sb="12" eb="13">
      <t>カ</t>
    </rPh>
    <phoneticPr fontId="2"/>
  </si>
  <si>
    <t>秋の読書週間イベント</t>
    <rPh sb="0" eb="1">
      <t>アキ</t>
    </rPh>
    <rPh sb="2" eb="4">
      <t>ドクショ</t>
    </rPh>
    <rPh sb="4" eb="6">
      <t>シュウカン</t>
    </rPh>
    <phoneticPr fontId="2"/>
  </si>
  <si>
    <t>秋の読書週間に合わせて、特別展示やイベントなどを行います。</t>
    <phoneticPr fontId="2"/>
  </si>
  <si>
    <t>相模大野図書館</t>
  </si>
  <si>
    <t>相模大野駅</t>
  </si>
  <si>
    <t>https://www.lib.sagamihara.kanagawa.jp</t>
    <phoneticPr fontId="2"/>
  </si>
  <si>
    <t>大人向けの紙芝居会</t>
    <rPh sb="0" eb="3">
      <t>オトナム</t>
    </rPh>
    <rPh sb="5" eb="8">
      <t>カミシバイ</t>
    </rPh>
    <rPh sb="8" eb="9">
      <t>カイ</t>
    </rPh>
    <phoneticPr fontId="2"/>
  </si>
  <si>
    <t>18歳以上の一般の方</t>
    <rPh sb="6" eb="8">
      <t>イッパン</t>
    </rPh>
    <rPh sb="9" eb="10">
      <t>カタ</t>
    </rPh>
    <phoneticPr fontId="2"/>
  </si>
  <si>
    <t>相模大野駅</t>
    <rPh sb="0" eb="5">
      <t>サガミオオノエキ</t>
    </rPh>
    <phoneticPr fontId="2"/>
  </si>
  <si>
    <t>大野南公民館健康体育委員会</t>
    <rPh sb="0" eb="6">
      <t>オオノミナミコウミンカン</t>
    </rPh>
    <rPh sb="6" eb="8">
      <t>ケンコウ</t>
    </rPh>
    <rPh sb="8" eb="10">
      <t>タイイク</t>
    </rPh>
    <rPh sb="10" eb="13">
      <t>イインカイ</t>
    </rPh>
    <phoneticPr fontId="2"/>
  </si>
  <si>
    <t>大野南公民館区在住の方</t>
    <rPh sb="0" eb="3">
      <t>オオノミナミ</t>
    </rPh>
    <rPh sb="3" eb="5">
      <t>コウミン</t>
    </rPh>
    <rPh sb="5" eb="6">
      <t>カン</t>
    </rPh>
    <rPh sb="6" eb="7">
      <t>ク</t>
    </rPh>
    <rPh sb="7" eb="9">
      <t>ザイジュウ</t>
    </rPh>
    <rPh sb="10" eb="11">
      <t>カタ</t>
    </rPh>
    <phoneticPr fontId="2"/>
  </si>
  <si>
    <t>大野南公民館</t>
    <rPh sb="0" eb="3">
      <t>オオノミナミ</t>
    </rPh>
    <rPh sb="3" eb="6">
      <t>コウミンカン</t>
    </rPh>
    <phoneticPr fontId="2"/>
  </si>
  <si>
    <t>秋のさわやかウォーク</t>
    <rPh sb="0" eb="1">
      <t>アキ</t>
    </rPh>
    <phoneticPr fontId="9"/>
  </si>
  <si>
    <t>自然豊かな目的地を目指してウォーキングを楽しみながら健康増進に心がけ、参加者同士の親睦を図ります。</t>
    <rPh sb="0" eb="2">
      <t>シゼン</t>
    </rPh>
    <rPh sb="2" eb="3">
      <t>ユタ</t>
    </rPh>
    <rPh sb="5" eb="8">
      <t>モクテキチ</t>
    </rPh>
    <rPh sb="9" eb="11">
      <t>メザ</t>
    </rPh>
    <rPh sb="20" eb="21">
      <t>タノ</t>
    </rPh>
    <rPh sb="26" eb="28">
      <t>ケンコウ</t>
    </rPh>
    <rPh sb="28" eb="30">
      <t>ゾウシン</t>
    </rPh>
    <rPh sb="31" eb="32">
      <t>ココロ</t>
    </rPh>
    <rPh sb="35" eb="38">
      <t>サンカシャ</t>
    </rPh>
    <rPh sb="38" eb="40">
      <t>ドウシ</t>
    </rPh>
    <rPh sb="41" eb="43">
      <t>シンボク</t>
    </rPh>
    <rPh sb="44" eb="45">
      <t>ハカ</t>
    </rPh>
    <phoneticPr fontId="9"/>
  </si>
  <si>
    <t>おもしろ科学教室</t>
    <rPh sb="4" eb="6">
      <t>カガク</t>
    </rPh>
    <rPh sb="6" eb="8">
      <t>キョウシツ</t>
    </rPh>
    <phoneticPr fontId="9"/>
  </si>
  <si>
    <t>小学生を対象に理科の実験を行い、創造力を養うとともに、学年・学区を超えた児童間の交流を図ります。</t>
    <rPh sb="0" eb="3">
      <t>ショウガクセイ</t>
    </rPh>
    <rPh sb="4" eb="6">
      <t>タイショウ</t>
    </rPh>
    <rPh sb="7" eb="9">
      <t>リカ</t>
    </rPh>
    <rPh sb="10" eb="12">
      <t>ジッケン</t>
    </rPh>
    <rPh sb="13" eb="14">
      <t>オコナ</t>
    </rPh>
    <rPh sb="16" eb="19">
      <t>ソウゾウリョク</t>
    </rPh>
    <rPh sb="20" eb="21">
      <t>ヤシナ</t>
    </rPh>
    <rPh sb="27" eb="29">
      <t>ガクネン</t>
    </rPh>
    <rPh sb="30" eb="32">
      <t>ガック</t>
    </rPh>
    <rPh sb="33" eb="34">
      <t>コ</t>
    </rPh>
    <rPh sb="36" eb="38">
      <t>ジドウ</t>
    </rPh>
    <rPh sb="38" eb="39">
      <t>カン</t>
    </rPh>
    <rPh sb="40" eb="42">
      <t>コウリュウ</t>
    </rPh>
    <rPh sb="43" eb="44">
      <t>ハカ</t>
    </rPh>
    <phoneticPr fontId="9"/>
  </si>
  <si>
    <t>大野南公民館</t>
    <rPh sb="0" eb="2">
      <t>オオノ</t>
    </rPh>
    <rPh sb="2" eb="3">
      <t>ミナミ</t>
    </rPh>
    <rPh sb="3" eb="6">
      <t>コウミンカン</t>
    </rPh>
    <phoneticPr fontId="2"/>
  </si>
  <si>
    <t>大野南公民館青少年委員会</t>
    <rPh sb="0" eb="6">
      <t>オオノミナミコウミンカン</t>
    </rPh>
    <rPh sb="6" eb="9">
      <t>セイショウネン</t>
    </rPh>
    <rPh sb="9" eb="12">
      <t>イインカイ</t>
    </rPh>
    <phoneticPr fontId="2"/>
  </si>
  <si>
    <t>大野南公民館区在住の小学生</t>
    <rPh sb="0" eb="3">
      <t>オオノミナミ</t>
    </rPh>
    <rPh sb="3" eb="6">
      <t>コウミンカン</t>
    </rPh>
    <rPh sb="6" eb="7">
      <t>ク</t>
    </rPh>
    <rPh sb="7" eb="9">
      <t>ザイジュウ</t>
    </rPh>
    <rPh sb="10" eb="13">
      <t>ショウガクセイ</t>
    </rPh>
    <phoneticPr fontId="2"/>
  </si>
  <si>
    <t>大野南クラシックコンサート</t>
    <rPh sb="0" eb="2">
      <t>オオノ</t>
    </rPh>
    <rPh sb="2" eb="3">
      <t>ミナミ</t>
    </rPh>
    <phoneticPr fontId="9"/>
  </si>
  <si>
    <t>クラシックを中心とした演奏を聴くことで、豊かな感性を育みとともに文化意識の向上を図り、地域住民の出会いと交流の機会とします。</t>
    <rPh sb="6" eb="8">
      <t>チュウシン</t>
    </rPh>
    <rPh sb="11" eb="13">
      <t>エンソウ</t>
    </rPh>
    <rPh sb="14" eb="15">
      <t>キ</t>
    </rPh>
    <rPh sb="20" eb="21">
      <t>ユタ</t>
    </rPh>
    <rPh sb="23" eb="25">
      <t>カンセイ</t>
    </rPh>
    <rPh sb="26" eb="27">
      <t>ハグク</t>
    </rPh>
    <rPh sb="32" eb="34">
      <t>ブンカ</t>
    </rPh>
    <rPh sb="34" eb="36">
      <t>イシキ</t>
    </rPh>
    <rPh sb="37" eb="39">
      <t>コウジョウ</t>
    </rPh>
    <rPh sb="40" eb="41">
      <t>ハカ</t>
    </rPh>
    <rPh sb="43" eb="45">
      <t>チイキ</t>
    </rPh>
    <rPh sb="45" eb="47">
      <t>ジュウミン</t>
    </rPh>
    <rPh sb="48" eb="50">
      <t>デア</t>
    </rPh>
    <rPh sb="52" eb="54">
      <t>コウリュウ</t>
    </rPh>
    <rPh sb="55" eb="57">
      <t>キカイ</t>
    </rPh>
    <phoneticPr fontId="9"/>
  </si>
  <si>
    <t>相模原南市民ホール</t>
    <rPh sb="0" eb="3">
      <t>サガミハラ</t>
    </rPh>
    <rPh sb="3" eb="4">
      <t>ミナミ</t>
    </rPh>
    <rPh sb="4" eb="6">
      <t>シミン</t>
    </rPh>
    <phoneticPr fontId="2"/>
  </si>
  <si>
    <t>大野南クラシックコンサート実行委員会</t>
    <rPh sb="0" eb="3">
      <t>オオノミナミ</t>
    </rPh>
    <rPh sb="13" eb="15">
      <t>ジッコウ</t>
    </rPh>
    <rPh sb="15" eb="18">
      <t>イインカイ</t>
    </rPh>
    <phoneticPr fontId="2"/>
  </si>
  <si>
    <t>親子事業
惑星石鹼作り</t>
    <rPh sb="0" eb="4">
      <t>オヤコジギョウ</t>
    </rPh>
    <rPh sb="5" eb="10">
      <t>ワクセイセッケンツク</t>
    </rPh>
    <phoneticPr fontId="9"/>
  </si>
  <si>
    <t>小学生と保護者のペアで手軽にできる調理の体験を通し、日常生活の知恵を得るとともに参加者相互のコミュニケーションを育む機会とします。</t>
    <rPh sb="0" eb="3">
      <t>ショウガクセイ</t>
    </rPh>
    <rPh sb="4" eb="7">
      <t>ホゴシャ</t>
    </rPh>
    <rPh sb="11" eb="13">
      <t>テガル</t>
    </rPh>
    <rPh sb="17" eb="19">
      <t>チョウリ</t>
    </rPh>
    <rPh sb="20" eb="22">
      <t>タイケン</t>
    </rPh>
    <rPh sb="23" eb="24">
      <t>トオ</t>
    </rPh>
    <rPh sb="26" eb="30">
      <t>ニチジョウセイカツ</t>
    </rPh>
    <rPh sb="31" eb="33">
      <t>チエ</t>
    </rPh>
    <rPh sb="34" eb="35">
      <t>エ</t>
    </rPh>
    <rPh sb="40" eb="45">
      <t>サンカシャソウゴ</t>
    </rPh>
    <rPh sb="56" eb="57">
      <t>ハグク</t>
    </rPh>
    <rPh sb="58" eb="60">
      <t>キカイ</t>
    </rPh>
    <phoneticPr fontId="9"/>
  </si>
  <si>
    <t>新磯公民館</t>
    <rPh sb="0" eb="2">
      <t>アライソ</t>
    </rPh>
    <rPh sb="2" eb="5">
      <t>コウミンカン</t>
    </rPh>
    <phoneticPr fontId="2"/>
  </si>
  <si>
    <t>相武台下駅</t>
    <rPh sb="0" eb="5">
      <t>ソウブダイシタエキ</t>
    </rPh>
    <phoneticPr fontId="2"/>
  </si>
  <si>
    <t>新磯公民館</t>
    <rPh sb="0" eb="5">
      <t>アライソコウミンカン</t>
    </rPh>
    <phoneticPr fontId="2"/>
  </si>
  <si>
    <t>新磯公民館区在住の小学生と保護者</t>
    <rPh sb="0" eb="5">
      <t>アライソコウミンカン</t>
    </rPh>
    <rPh sb="5" eb="6">
      <t>ク</t>
    </rPh>
    <rPh sb="6" eb="8">
      <t>ザイジュウ</t>
    </rPh>
    <rPh sb="9" eb="12">
      <t>ショウガクセイ</t>
    </rPh>
    <rPh sb="13" eb="16">
      <t>ホゴシャ</t>
    </rPh>
    <phoneticPr fontId="2"/>
  </si>
  <si>
    <t>ステージあらいそ</t>
    <phoneticPr fontId="9"/>
  </si>
  <si>
    <t>地域住民が音楽への興味や関心を得るきっかけとして、身近な地域で質の高い音楽に触れる機会を作るとともに、出演者とのコミュニケーションや参加者相互の交流を図ります。</t>
    <rPh sb="0" eb="4">
      <t>チイキジュウミン</t>
    </rPh>
    <rPh sb="5" eb="7">
      <t>オンガク</t>
    </rPh>
    <rPh sb="9" eb="11">
      <t>キョウミ</t>
    </rPh>
    <rPh sb="12" eb="14">
      <t>カンシン</t>
    </rPh>
    <rPh sb="15" eb="16">
      <t>エ</t>
    </rPh>
    <rPh sb="25" eb="27">
      <t>ミジカ</t>
    </rPh>
    <rPh sb="28" eb="30">
      <t>チイキ</t>
    </rPh>
    <rPh sb="31" eb="32">
      <t>シツ</t>
    </rPh>
    <rPh sb="33" eb="34">
      <t>タカ</t>
    </rPh>
    <rPh sb="35" eb="37">
      <t>オンガク</t>
    </rPh>
    <rPh sb="38" eb="39">
      <t>フ</t>
    </rPh>
    <rPh sb="41" eb="43">
      <t>キカイ</t>
    </rPh>
    <rPh sb="44" eb="45">
      <t>ツク</t>
    </rPh>
    <rPh sb="51" eb="54">
      <t>シュツエンシャ</t>
    </rPh>
    <rPh sb="66" eb="71">
      <t>サンカシャソウゴ</t>
    </rPh>
    <rPh sb="72" eb="74">
      <t>コウリュウ</t>
    </rPh>
    <rPh sb="75" eb="76">
      <t>ハカ</t>
    </rPh>
    <phoneticPr fontId="9"/>
  </si>
  <si>
    <t>新磯公民館区在住の方、一般の方</t>
    <rPh sb="0" eb="5">
      <t>アライソコウミンカン</t>
    </rPh>
    <rPh sb="5" eb="6">
      <t>ク</t>
    </rPh>
    <rPh sb="6" eb="8">
      <t>ザイジュウ</t>
    </rPh>
    <rPh sb="9" eb="10">
      <t>カタ</t>
    </rPh>
    <rPh sb="11" eb="13">
      <t>イッパン</t>
    </rPh>
    <rPh sb="14" eb="15">
      <t>カタ</t>
    </rPh>
    <phoneticPr fontId="2"/>
  </si>
  <si>
    <t>新磯ふれあいフェスティバル</t>
    <rPh sb="0" eb="2">
      <t>アライソ</t>
    </rPh>
    <phoneticPr fontId="9"/>
  </si>
  <si>
    <t>子どもから高齢者まで新磯地区の全ての住民が、自主的に集り親睦を深め、地域コミュニティの醸成や、健康増進を図るための機会とします。</t>
    <rPh sb="0" eb="1">
      <t>コ</t>
    </rPh>
    <rPh sb="5" eb="8">
      <t>コウレイシャ</t>
    </rPh>
    <rPh sb="10" eb="14">
      <t>アライソチク</t>
    </rPh>
    <rPh sb="15" eb="16">
      <t>スベ</t>
    </rPh>
    <rPh sb="18" eb="20">
      <t>ジュウミン</t>
    </rPh>
    <rPh sb="22" eb="25">
      <t>ジシュテキ</t>
    </rPh>
    <rPh sb="26" eb="27">
      <t>アツマ</t>
    </rPh>
    <rPh sb="28" eb="30">
      <t>シンボク</t>
    </rPh>
    <rPh sb="31" eb="32">
      <t>フカ</t>
    </rPh>
    <rPh sb="34" eb="36">
      <t>チイキ</t>
    </rPh>
    <rPh sb="43" eb="45">
      <t>ジョウセイ</t>
    </rPh>
    <rPh sb="47" eb="51">
      <t>ケンコウゾウシン</t>
    </rPh>
    <rPh sb="52" eb="53">
      <t>ハカ</t>
    </rPh>
    <rPh sb="57" eb="59">
      <t>キカイ</t>
    </rPh>
    <phoneticPr fontId="9"/>
  </si>
  <si>
    <t>新磯小学校校庭</t>
    <rPh sb="0" eb="7">
      <t>アライソショウガッコウコウテイ</t>
    </rPh>
    <phoneticPr fontId="2"/>
  </si>
  <si>
    <t>新磯地区在住の方</t>
    <rPh sb="0" eb="6">
      <t>アライソチクザイジュウ</t>
    </rPh>
    <rPh sb="7" eb="8">
      <t>カタ</t>
    </rPh>
    <phoneticPr fontId="2"/>
  </si>
  <si>
    <t>大野中ふれあい学級</t>
    <rPh sb="0" eb="3">
      <t>オオノナカ</t>
    </rPh>
    <rPh sb="7" eb="9">
      <t>ガッキュウ</t>
    </rPh>
    <phoneticPr fontId="9"/>
  </si>
  <si>
    <t>60歳以上を対象に、健康・趣味などを学習し、生活の質を高める一助とします。</t>
    <rPh sb="2" eb="3">
      <t>サイ</t>
    </rPh>
    <rPh sb="3" eb="5">
      <t>イジョウ</t>
    </rPh>
    <rPh sb="6" eb="8">
      <t>タイショウ</t>
    </rPh>
    <rPh sb="10" eb="12">
      <t>ケンコウ</t>
    </rPh>
    <rPh sb="13" eb="15">
      <t>シュミ</t>
    </rPh>
    <rPh sb="18" eb="20">
      <t>ガクシュウ</t>
    </rPh>
    <rPh sb="22" eb="24">
      <t>セイカツ</t>
    </rPh>
    <rPh sb="25" eb="26">
      <t>シツ</t>
    </rPh>
    <rPh sb="27" eb="28">
      <t>タカ</t>
    </rPh>
    <rPh sb="30" eb="32">
      <t>イチジョ</t>
    </rPh>
    <phoneticPr fontId="9"/>
  </si>
  <si>
    <t>大野中公民館</t>
    <rPh sb="0" eb="6">
      <t>オオノナカコウミンカン</t>
    </rPh>
    <phoneticPr fontId="2"/>
  </si>
  <si>
    <t>古淵駅</t>
    <rPh sb="0" eb="2">
      <t>コブチ</t>
    </rPh>
    <rPh sb="2" eb="3">
      <t>エキ</t>
    </rPh>
    <phoneticPr fontId="2"/>
  </si>
  <si>
    <t>大野中ふれあい学級実行委員会</t>
    <rPh sb="0" eb="3">
      <t>オオノナカ</t>
    </rPh>
    <rPh sb="7" eb="9">
      <t>ガッキュウ</t>
    </rPh>
    <rPh sb="9" eb="14">
      <t>ジッコウイインカイ</t>
    </rPh>
    <phoneticPr fontId="2"/>
  </si>
  <si>
    <t>大野中公民館区在住の６０歳以上の方</t>
    <rPh sb="0" eb="3">
      <t>オオノナカ</t>
    </rPh>
    <rPh sb="3" eb="6">
      <t>コウミンカン</t>
    </rPh>
    <rPh sb="6" eb="7">
      <t>ク</t>
    </rPh>
    <rPh sb="7" eb="9">
      <t>ザイジュウ</t>
    </rPh>
    <rPh sb="12" eb="13">
      <t>サイ</t>
    </rPh>
    <rPh sb="13" eb="15">
      <t>イジョウ</t>
    </rPh>
    <rPh sb="16" eb="17">
      <t>カタ</t>
    </rPh>
    <phoneticPr fontId="2"/>
  </si>
  <si>
    <t>ふれあいコンサート</t>
    <phoneticPr fontId="9"/>
  </si>
  <si>
    <t>地域住民の生活を豊かにし、ふれあいや憩いの場、世代間交流の場となるようにします。</t>
    <rPh sb="0" eb="4">
      <t>チイキジュウミン</t>
    </rPh>
    <rPh sb="5" eb="7">
      <t>セイカツ</t>
    </rPh>
    <rPh sb="8" eb="9">
      <t>ユタ</t>
    </rPh>
    <rPh sb="18" eb="19">
      <t>イコ</t>
    </rPh>
    <rPh sb="21" eb="22">
      <t>バ</t>
    </rPh>
    <rPh sb="23" eb="26">
      <t>セダイカン</t>
    </rPh>
    <rPh sb="26" eb="28">
      <t>コウリュウ</t>
    </rPh>
    <rPh sb="29" eb="30">
      <t>バ</t>
    </rPh>
    <phoneticPr fontId="9"/>
  </si>
  <si>
    <t>大野中公民館</t>
    <rPh sb="0" eb="2">
      <t>オオノ</t>
    </rPh>
    <rPh sb="2" eb="3">
      <t>ナカ</t>
    </rPh>
    <phoneticPr fontId="2"/>
  </si>
  <si>
    <t>大野中公民館文化事業実行委員会</t>
    <rPh sb="0" eb="6">
      <t>オオノナカコウミンカン</t>
    </rPh>
    <rPh sb="6" eb="10">
      <t>ブンカジギョウ</t>
    </rPh>
    <rPh sb="10" eb="15">
      <t>ジッコウイインカイ</t>
    </rPh>
    <phoneticPr fontId="2"/>
  </si>
  <si>
    <t>大野中公民館区在住の方</t>
    <rPh sb="0" eb="3">
      <t>オオノナカ</t>
    </rPh>
    <rPh sb="3" eb="5">
      <t>コウミン</t>
    </rPh>
    <rPh sb="6" eb="7">
      <t>ク</t>
    </rPh>
    <rPh sb="7" eb="9">
      <t>ザイジュウ</t>
    </rPh>
    <rPh sb="10" eb="11">
      <t>カタ</t>
    </rPh>
    <phoneticPr fontId="2"/>
  </si>
  <si>
    <t>大野中公民館体育祭</t>
    <rPh sb="0" eb="6">
      <t>オオノナカコウミンカン</t>
    </rPh>
    <rPh sb="6" eb="9">
      <t>タイイクサイ</t>
    </rPh>
    <phoneticPr fontId="9"/>
  </si>
  <si>
    <t>公民館区住民相互の親睦交流に寄与し、体力向上及びスポーツの振興普及を図ります。また、健康づくり運動への参加と関心を喚起する機会とします。</t>
    <phoneticPr fontId="9"/>
  </si>
  <si>
    <t>大野小学校</t>
    <rPh sb="0" eb="2">
      <t>オオノ</t>
    </rPh>
    <rPh sb="2" eb="5">
      <t>ショウガッコウ</t>
    </rPh>
    <phoneticPr fontId="2"/>
  </si>
  <si>
    <t>大野中公民館体育祭実行委員会</t>
    <rPh sb="0" eb="6">
      <t>オオノナカコウミンカン</t>
    </rPh>
    <rPh sb="6" eb="9">
      <t>タイイクサイ</t>
    </rPh>
    <rPh sb="9" eb="14">
      <t>ジッコウイインカイ</t>
    </rPh>
    <phoneticPr fontId="2"/>
  </si>
  <si>
    <t>趣味のひろば　花文字体験</t>
    <rPh sb="0" eb="2">
      <t>シュミ</t>
    </rPh>
    <rPh sb="7" eb="10">
      <t>ハナモジ</t>
    </rPh>
    <rPh sb="10" eb="12">
      <t>タイケン</t>
    </rPh>
    <phoneticPr fontId="9"/>
  </si>
  <si>
    <t>地域住民の学びの場として教養を高め、交流を深める機会とします。</t>
    <rPh sb="0" eb="4">
      <t>チイキジュウミン</t>
    </rPh>
    <rPh sb="5" eb="6">
      <t>マナ</t>
    </rPh>
    <rPh sb="8" eb="9">
      <t>バ</t>
    </rPh>
    <rPh sb="12" eb="14">
      <t>キョウヨウ</t>
    </rPh>
    <rPh sb="15" eb="16">
      <t>タカ</t>
    </rPh>
    <rPh sb="18" eb="20">
      <t>コウリュウ</t>
    </rPh>
    <rPh sb="21" eb="22">
      <t>フカ</t>
    </rPh>
    <rPh sb="24" eb="26">
      <t>キカイ</t>
    </rPh>
    <phoneticPr fontId="9"/>
  </si>
  <si>
    <t>大野中公民館子どもまつり</t>
    <rPh sb="0" eb="6">
      <t>オオノナカコウミンカン</t>
    </rPh>
    <rPh sb="6" eb="7">
      <t>コ</t>
    </rPh>
    <phoneticPr fontId="9"/>
  </si>
  <si>
    <t>地域の子どもたちが主体となって「子どもたちによる子どもたちのためのまつり」を開催します。また、まつりの協力者として支援してくれる地域の大人とふれあうことで、地域の一員であるという認識を深めます。</t>
    <phoneticPr fontId="9"/>
  </si>
  <si>
    <t>大野中公民館子どもまつり実行委員会</t>
    <rPh sb="0" eb="6">
      <t>オオノナカコウミンカン</t>
    </rPh>
    <rPh sb="6" eb="7">
      <t>コ</t>
    </rPh>
    <rPh sb="12" eb="17">
      <t>ジッコウイインカイ</t>
    </rPh>
    <phoneticPr fontId="2"/>
  </si>
  <si>
    <t>さがみだいスポーツフェスタ2025</t>
    <phoneticPr fontId="9"/>
  </si>
  <si>
    <t>多世代が参加できるスポーツイベントとして、ミニ運動会やスポーツ体験コーナー等を実施し、地域住民へのスポーツ振興と地域交流を図ります。</t>
    <rPh sb="0" eb="3">
      <t>タセダイ</t>
    </rPh>
    <rPh sb="4" eb="6">
      <t>サンカ</t>
    </rPh>
    <rPh sb="23" eb="26">
      <t>ウンドウカイ</t>
    </rPh>
    <rPh sb="31" eb="33">
      <t>タイケン</t>
    </rPh>
    <rPh sb="37" eb="38">
      <t>トウ</t>
    </rPh>
    <rPh sb="39" eb="41">
      <t>ジッシ</t>
    </rPh>
    <rPh sb="43" eb="45">
      <t>チイキ</t>
    </rPh>
    <rPh sb="45" eb="47">
      <t>ジュウミン</t>
    </rPh>
    <rPh sb="53" eb="55">
      <t>シンコウ</t>
    </rPh>
    <rPh sb="56" eb="58">
      <t>チイキ</t>
    </rPh>
    <rPh sb="58" eb="60">
      <t>コウリュウ</t>
    </rPh>
    <rPh sb="61" eb="62">
      <t>ハカ</t>
    </rPh>
    <phoneticPr fontId="9"/>
  </si>
  <si>
    <t>相模台中学校</t>
    <rPh sb="0" eb="3">
      <t>サガミダイ</t>
    </rPh>
    <rPh sb="3" eb="4">
      <t>チュウ</t>
    </rPh>
    <rPh sb="4" eb="6">
      <t>ガッコウ</t>
    </rPh>
    <phoneticPr fontId="2"/>
  </si>
  <si>
    <t>小田急相模原駅</t>
    <rPh sb="0" eb="3">
      <t>オダキュウ</t>
    </rPh>
    <rPh sb="3" eb="6">
      <t>サガミハラ</t>
    </rPh>
    <rPh sb="6" eb="7">
      <t>エキ</t>
    </rPh>
    <phoneticPr fontId="2"/>
  </si>
  <si>
    <t>さがみだいスポーツフェスタ実行委員会</t>
    <rPh sb="13" eb="15">
      <t>ジッコウ</t>
    </rPh>
    <rPh sb="15" eb="18">
      <t>イインカイ</t>
    </rPh>
    <phoneticPr fontId="2"/>
  </si>
  <si>
    <t>相模台公民館区在住の方</t>
    <rPh sb="0" eb="3">
      <t>サガミダイ</t>
    </rPh>
    <rPh sb="3" eb="6">
      <t>コウミンカン</t>
    </rPh>
    <rPh sb="6" eb="7">
      <t>ク</t>
    </rPh>
    <rPh sb="7" eb="9">
      <t>ザイジュウ</t>
    </rPh>
    <rPh sb="10" eb="11">
      <t>イッポウ</t>
    </rPh>
    <phoneticPr fontId="2"/>
  </si>
  <si>
    <t>相模台公民館</t>
    <rPh sb="0" eb="3">
      <t>サガミダイ</t>
    </rPh>
    <rPh sb="3" eb="6">
      <t>コウミンカン</t>
    </rPh>
    <phoneticPr fontId="2"/>
  </si>
  <si>
    <t>はじめての卓球大会</t>
    <rPh sb="5" eb="7">
      <t>タッキュウ</t>
    </rPh>
    <rPh sb="7" eb="9">
      <t>タイカイ</t>
    </rPh>
    <phoneticPr fontId="9"/>
  </si>
  <si>
    <t>参加者の年代・体力に応じて楽しめるスポーツに親しむ機会を提供し、生涯スポーツの促進を図ります。</t>
    <rPh sb="0" eb="3">
      <t>サンカシャ</t>
    </rPh>
    <rPh sb="4" eb="6">
      <t>ネンダイ</t>
    </rPh>
    <rPh sb="7" eb="9">
      <t>タイリョク</t>
    </rPh>
    <rPh sb="10" eb="11">
      <t>オウ</t>
    </rPh>
    <rPh sb="13" eb="14">
      <t>タノ</t>
    </rPh>
    <rPh sb="22" eb="23">
      <t>シタ</t>
    </rPh>
    <rPh sb="25" eb="27">
      <t>キカイ</t>
    </rPh>
    <rPh sb="28" eb="30">
      <t>テイキョウ</t>
    </rPh>
    <rPh sb="32" eb="34">
      <t>ショウガイ</t>
    </rPh>
    <rPh sb="39" eb="41">
      <t>ソクシン</t>
    </rPh>
    <rPh sb="42" eb="43">
      <t>ハカ</t>
    </rPh>
    <phoneticPr fontId="9"/>
  </si>
  <si>
    <t>相模台公民館体育部</t>
    <rPh sb="0" eb="2">
      <t>サガミ</t>
    </rPh>
    <rPh sb="2" eb="3">
      <t>ダイ</t>
    </rPh>
    <rPh sb="3" eb="6">
      <t>コウミンカン</t>
    </rPh>
    <rPh sb="6" eb="9">
      <t>タイイクブ</t>
    </rPh>
    <phoneticPr fontId="2"/>
  </si>
  <si>
    <t>相模台公民館区在住の小学３年生以上</t>
    <rPh sb="0" eb="3">
      <t>サガミダイ</t>
    </rPh>
    <rPh sb="3" eb="6">
      <t>コウミンカン</t>
    </rPh>
    <rPh sb="6" eb="7">
      <t>ク</t>
    </rPh>
    <rPh sb="7" eb="9">
      <t>ザイジュウ</t>
    </rPh>
    <rPh sb="10" eb="12">
      <t>ショウガク</t>
    </rPh>
    <rPh sb="13" eb="15">
      <t>ネンセイ</t>
    </rPh>
    <rPh sb="15" eb="17">
      <t>イジョウ</t>
    </rPh>
    <phoneticPr fontId="2"/>
  </si>
  <si>
    <t>相模台公民館まつり</t>
    <rPh sb="0" eb="3">
      <t>サガミダイ</t>
    </rPh>
    <rPh sb="3" eb="6">
      <t>コウミンカン</t>
    </rPh>
    <phoneticPr fontId="9"/>
  </si>
  <si>
    <t>相模台公民館登録の団体及び相模台公民館区で活動する団体が日頃の学習・文化活動等を発表し、参加団体相互が親睦・交流し合う場とします。また、地域住民に公民館活動を公開、紹介することで、公民館利用のきっかけづくりとします。</t>
    <rPh sb="2" eb="3">
      <t>ダイ</t>
    </rPh>
    <phoneticPr fontId="9"/>
  </si>
  <si>
    <t>相模台公民館まつり実行委員会</t>
    <rPh sb="0" eb="3">
      <t>サガミダイ</t>
    </rPh>
    <rPh sb="3" eb="6">
      <t>コウミンカン</t>
    </rPh>
    <rPh sb="9" eb="11">
      <t>ジッコウ</t>
    </rPh>
    <rPh sb="11" eb="14">
      <t>イインカイ</t>
    </rPh>
    <phoneticPr fontId="2"/>
  </si>
  <si>
    <t>大沼公民館創立４０周年記念第２回スポーツまつり</t>
    <rPh sb="0" eb="5">
      <t>オオヌマコ</t>
    </rPh>
    <rPh sb="5" eb="7">
      <t>ソウリツ</t>
    </rPh>
    <rPh sb="9" eb="11">
      <t>シュウネン</t>
    </rPh>
    <rPh sb="11" eb="13">
      <t>キネン</t>
    </rPh>
    <rPh sb="13" eb="14">
      <t>ダイ</t>
    </rPh>
    <rPh sb="15" eb="16">
      <t>カイ</t>
    </rPh>
    <phoneticPr fontId="9"/>
  </si>
  <si>
    <t>地域住民が体力測定やスポーツ体験を通じて、自身の健康増進への意識を高めるとともに地域のスポーツ団体や公民館の存在を知り、交流や親睦を深める中で楽しさを感じ、地域活動へ参加を促すことを目的とします。</t>
    <phoneticPr fontId="9"/>
  </si>
  <si>
    <t>大沼小学校校庭
雨天：大沼公民館</t>
    <rPh sb="0" eb="5">
      <t>オオヌマショウガッコウ</t>
    </rPh>
    <rPh sb="5" eb="7">
      <t>コウテイ</t>
    </rPh>
    <rPh sb="8" eb="10">
      <t>ウテン</t>
    </rPh>
    <rPh sb="11" eb="13">
      <t>オオヌマ</t>
    </rPh>
    <rPh sb="13" eb="16">
      <t>コウミンカン</t>
    </rPh>
    <phoneticPr fontId="2"/>
  </si>
  <si>
    <t>古淵駅</t>
    <rPh sb="0" eb="3">
      <t>コブチエキ</t>
    </rPh>
    <phoneticPr fontId="2"/>
  </si>
  <si>
    <t>大沼公民館スポーツまつり実行委員会</t>
    <rPh sb="0" eb="3">
      <t>オオヌ</t>
    </rPh>
    <rPh sb="12" eb="17">
      <t>ジッコウイインカイ</t>
    </rPh>
    <phoneticPr fontId="2"/>
  </si>
  <si>
    <t>大沼公民館区在住の方</t>
    <rPh sb="0" eb="2">
      <t>オオヌマ</t>
    </rPh>
    <rPh sb="2" eb="4">
      <t>コウミン</t>
    </rPh>
    <rPh sb="4" eb="5">
      <t>カン</t>
    </rPh>
    <rPh sb="5" eb="6">
      <t>ク</t>
    </rPh>
    <rPh sb="6" eb="8">
      <t>ザイジュウ</t>
    </rPh>
    <rPh sb="9" eb="10">
      <t>カタ</t>
    </rPh>
    <phoneticPr fontId="2"/>
  </si>
  <si>
    <t>大沼公民館</t>
    <rPh sb="0" eb="2">
      <t>オオヌマ</t>
    </rPh>
    <rPh sb="2" eb="5">
      <t>コウミンカン</t>
    </rPh>
    <phoneticPr fontId="2"/>
  </si>
  <si>
    <t>モルック体験会</t>
    <rPh sb="4" eb="7">
      <t>タイケンカイ</t>
    </rPh>
    <phoneticPr fontId="9"/>
  </si>
  <si>
    <t>地域住民の｢生涯健康｣と｢親睦・交流｣のために、さわやかな汗を流し合い、生涯スポーツ時代におけるレクリエーションスポーツの振興を図ります。</t>
    <rPh sb="64" eb="65">
      <t>ハカ</t>
    </rPh>
    <phoneticPr fontId="9"/>
  </si>
  <si>
    <t>若沼ふれあい広場</t>
    <rPh sb="0" eb="2">
      <t>ワカヌマ</t>
    </rPh>
    <rPh sb="6" eb="8">
      <t>ヒロバ</t>
    </rPh>
    <phoneticPr fontId="2"/>
  </si>
  <si>
    <t>第２５回グラウンドゴルフ大会</t>
    <rPh sb="0" eb="1">
      <t>ダイ</t>
    </rPh>
    <rPh sb="3" eb="4">
      <t>カイ</t>
    </rPh>
    <rPh sb="12" eb="14">
      <t>タイカイ</t>
    </rPh>
    <phoneticPr fontId="9"/>
  </si>
  <si>
    <t>地域住民の「生涯健康」と「親睦・交流」のために、さわやかな汗を流し合い、生涯スポーツ時代におけるレクリエーションスポーツの振興を図ります。</t>
    <rPh sb="64" eb="65">
      <t>ハカ</t>
    </rPh>
    <phoneticPr fontId="9"/>
  </si>
  <si>
    <t>大沼小学校校庭</t>
    <rPh sb="0" eb="5">
      <t>オオヌマショウガッコウ</t>
    </rPh>
    <rPh sb="5" eb="7">
      <t>コウテイ</t>
    </rPh>
    <phoneticPr fontId="2"/>
  </si>
  <si>
    <t>大沼公民館創立４０周年記念大沼コンサート</t>
    <rPh sb="13" eb="15">
      <t>オオヌマ</t>
    </rPh>
    <phoneticPr fontId="9"/>
  </si>
  <si>
    <t>地域住民にとって身近な公民館を舞台に上質な音楽にふれることができる機会とし、音楽を通じて親睦を深める交流の場となるよう、継続性を持って提供します。</t>
    <rPh sb="0" eb="4">
      <t>チイキジュウミン</t>
    </rPh>
    <rPh sb="8" eb="10">
      <t>ミジカ</t>
    </rPh>
    <rPh sb="11" eb="14">
      <t>コウミンカン</t>
    </rPh>
    <rPh sb="15" eb="17">
      <t>ブタイ</t>
    </rPh>
    <rPh sb="18" eb="20">
      <t>ジョウシツ</t>
    </rPh>
    <rPh sb="21" eb="23">
      <t>オンガク</t>
    </rPh>
    <rPh sb="33" eb="35">
      <t>キカイ</t>
    </rPh>
    <rPh sb="38" eb="40">
      <t>オンガク</t>
    </rPh>
    <rPh sb="41" eb="42">
      <t>ツウ</t>
    </rPh>
    <rPh sb="44" eb="46">
      <t>シンボク</t>
    </rPh>
    <rPh sb="47" eb="48">
      <t>フカ</t>
    </rPh>
    <rPh sb="50" eb="52">
      <t>コウリュウ</t>
    </rPh>
    <rPh sb="53" eb="54">
      <t>バ</t>
    </rPh>
    <rPh sb="60" eb="63">
      <t>ケイゾクセイ</t>
    </rPh>
    <rPh sb="64" eb="65">
      <t>モ</t>
    </rPh>
    <rPh sb="67" eb="69">
      <t>テイキョウ</t>
    </rPh>
    <phoneticPr fontId="9"/>
  </si>
  <si>
    <t>大沼公民館</t>
    <phoneticPr fontId="2"/>
  </si>
  <si>
    <t>大沼コンサート実行委員会</t>
    <rPh sb="0" eb="2">
      <t>オオヌマ</t>
    </rPh>
    <rPh sb="7" eb="12">
      <t>ジッコウイインカイ</t>
    </rPh>
    <phoneticPr fontId="2"/>
  </si>
  <si>
    <t>スポーツフェスティバル</t>
    <phoneticPr fontId="9"/>
  </si>
  <si>
    <t>体育レクリエーションを通じて健康で明るく楽しい生活を送るため、体力の向上・スポーツ振興普及と、住民相互の親睦を図ります。</t>
    <rPh sb="0" eb="2">
      <t>タイイク</t>
    </rPh>
    <rPh sb="11" eb="12">
      <t>ツウ</t>
    </rPh>
    <rPh sb="14" eb="16">
      <t>ケンコウ</t>
    </rPh>
    <rPh sb="17" eb="18">
      <t>アカ</t>
    </rPh>
    <rPh sb="20" eb="21">
      <t>タノ</t>
    </rPh>
    <rPh sb="23" eb="25">
      <t>セイカツ</t>
    </rPh>
    <rPh sb="26" eb="27">
      <t>オク</t>
    </rPh>
    <rPh sb="31" eb="33">
      <t>タイリョク</t>
    </rPh>
    <rPh sb="34" eb="36">
      <t>コウジョウ</t>
    </rPh>
    <rPh sb="41" eb="45">
      <t>シンコウフキュウ</t>
    </rPh>
    <rPh sb="47" eb="51">
      <t>ジュウミンソウゴ</t>
    </rPh>
    <rPh sb="52" eb="54">
      <t>シンボク</t>
    </rPh>
    <rPh sb="55" eb="56">
      <t>ハカ</t>
    </rPh>
    <phoneticPr fontId="9"/>
  </si>
  <si>
    <t>大野台中央小学校</t>
    <rPh sb="0" eb="3">
      <t>オオノダイ</t>
    </rPh>
    <phoneticPr fontId="2"/>
  </si>
  <si>
    <t>大野台公民館スポーツフェスティバル実行委員会</t>
    <rPh sb="0" eb="6">
      <t>オオノダイコウミンカン</t>
    </rPh>
    <rPh sb="17" eb="22">
      <t>ジッコウイインカイ</t>
    </rPh>
    <phoneticPr fontId="2"/>
  </si>
  <si>
    <t>大野台公民館区在住の方</t>
    <rPh sb="0" eb="3">
      <t>オオノダイ</t>
    </rPh>
    <rPh sb="3" eb="6">
      <t>コウミンカン</t>
    </rPh>
    <rPh sb="6" eb="7">
      <t>ク</t>
    </rPh>
    <rPh sb="7" eb="9">
      <t>ザイジュウ</t>
    </rPh>
    <rPh sb="10" eb="11">
      <t>カタ</t>
    </rPh>
    <phoneticPr fontId="2"/>
  </si>
  <si>
    <t>大野台公民館</t>
    <rPh sb="0" eb="6">
      <t>オオノダイコウミンカン</t>
    </rPh>
    <phoneticPr fontId="2"/>
  </si>
  <si>
    <t>横須賀市</t>
  </si>
  <si>
    <t>人権啓発講座「歴史からみる人権」</t>
    <rPh sb="0" eb="2">
      <t>ジンケン</t>
    </rPh>
    <rPh sb="2" eb="4">
      <t>ケイハツ</t>
    </rPh>
    <rPh sb="4" eb="6">
      <t>コウザ</t>
    </rPh>
    <rPh sb="7" eb="9">
      <t>レキシ</t>
    </rPh>
    <rPh sb="13" eb="15">
      <t>ジンケン</t>
    </rPh>
    <phoneticPr fontId="2"/>
  </si>
  <si>
    <t>人権について歴史の視点から考える機会を市民に提供し、人権意識の向上を図るための講座です。</t>
    <rPh sb="0" eb="2">
      <t>ジンケン</t>
    </rPh>
    <rPh sb="6" eb="8">
      <t>レキシ</t>
    </rPh>
    <rPh sb="9" eb="11">
      <t>シテン</t>
    </rPh>
    <rPh sb="13" eb="14">
      <t>カンガ</t>
    </rPh>
    <rPh sb="16" eb="18">
      <t>キカイ</t>
    </rPh>
    <rPh sb="19" eb="21">
      <t>シミン</t>
    </rPh>
    <rPh sb="22" eb="24">
      <t>テイキョウ</t>
    </rPh>
    <rPh sb="26" eb="30">
      <t>ジンケンイシキ</t>
    </rPh>
    <rPh sb="31" eb="33">
      <t>コウジョウ</t>
    </rPh>
    <rPh sb="34" eb="35">
      <t>ハカ</t>
    </rPh>
    <rPh sb="39" eb="41">
      <t>コウザ</t>
    </rPh>
    <phoneticPr fontId="2"/>
  </si>
  <si>
    <t>横須賀市生涯学習センター</t>
    <rPh sb="0" eb="8">
      <t>ヨコスカシショウガイガクシュウ</t>
    </rPh>
    <phoneticPr fontId="2"/>
  </si>
  <si>
    <t>逸見駅</t>
    <rPh sb="0" eb="3">
      <t>ヘミエキ</t>
    </rPh>
    <phoneticPr fontId="2"/>
  </si>
  <si>
    <t>横須賀市教育委員会
教育総務部
生涯学習課</t>
    <rPh sb="0" eb="9">
      <t>ヨコスカシキョウイクイインカイ</t>
    </rPh>
    <rPh sb="10" eb="15">
      <t>キョウイクソウムブ</t>
    </rPh>
    <rPh sb="16" eb="21">
      <t>ショウガイガクシュウカ</t>
    </rPh>
    <phoneticPr fontId="2"/>
  </si>
  <si>
    <t>市民</t>
    <rPh sb="0" eb="2">
      <t>シミン</t>
    </rPh>
    <phoneticPr fontId="2"/>
  </si>
  <si>
    <t>横須賀市３館連携「昭和100年めぐり」
企画　「昭和の教科書展示」</t>
    <rPh sb="0" eb="4">
      <t>ヨコスカシ</t>
    </rPh>
    <rPh sb="5" eb="6">
      <t>カン</t>
    </rPh>
    <rPh sb="6" eb="8">
      <t>レンケイ</t>
    </rPh>
    <rPh sb="9" eb="11">
      <t>ショウワ</t>
    </rPh>
    <rPh sb="14" eb="15">
      <t>ネン</t>
    </rPh>
    <rPh sb="21" eb="23">
      <t>キカク</t>
    </rPh>
    <rPh sb="25" eb="27">
      <t>ショウワ</t>
    </rPh>
    <rPh sb="28" eb="31">
      <t>キョウカショ</t>
    </rPh>
    <rPh sb="31" eb="33">
      <t>テンジ</t>
    </rPh>
    <phoneticPr fontId="2"/>
  </si>
  <si>
    <t>明治からの教科書・指導書を収集・保管しています。今回、初めて一般公開します。</t>
    <rPh sb="0" eb="2">
      <t>メイジ</t>
    </rPh>
    <rPh sb="5" eb="8">
      <t>キョウカショ</t>
    </rPh>
    <rPh sb="9" eb="12">
      <t>シドウショ</t>
    </rPh>
    <rPh sb="13" eb="15">
      <t>シュウシュウ</t>
    </rPh>
    <rPh sb="16" eb="18">
      <t>ホカン</t>
    </rPh>
    <rPh sb="24" eb="26">
      <t>コンカイ</t>
    </rPh>
    <rPh sb="27" eb="28">
      <t>ハジ</t>
    </rPh>
    <rPh sb="30" eb="34">
      <t>イッパンコウカイ</t>
    </rPh>
    <phoneticPr fontId="2"/>
  </si>
  <si>
    <t>横須賀市教育研究所</t>
    <rPh sb="0" eb="4">
      <t>ヨコスカシ</t>
    </rPh>
    <rPh sb="4" eb="9">
      <t>キョウイクケンキュウジョ</t>
    </rPh>
    <phoneticPr fontId="2"/>
  </si>
  <si>
    <t>京急久里浜駅JR久里浜駅</t>
    <rPh sb="0" eb="5">
      <t>ケイキュウクリハマ</t>
    </rPh>
    <rPh sb="5" eb="6">
      <t>エキ</t>
    </rPh>
    <phoneticPr fontId="2"/>
  </si>
  <si>
    <t>https://b-boardofedu.yokosukacity.andteacher.jp/modules/hp_jpage1/</t>
  </si>
  <si>
    <t>横須賀市３館連携「昭和100年めぐり」
企画２　「20世紀前半の横須賀と出版」</t>
    <rPh sb="0" eb="4">
      <t>ヨコスカシ</t>
    </rPh>
    <rPh sb="5" eb="6">
      <t>カン</t>
    </rPh>
    <rPh sb="6" eb="8">
      <t>レンケイ</t>
    </rPh>
    <rPh sb="9" eb="11">
      <t>ショウワ</t>
    </rPh>
    <rPh sb="14" eb="15">
      <t>ネン</t>
    </rPh>
    <rPh sb="21" eb="23">
      <t>キカク</t>
    </rPh>
    <rPh sb="28" eb="30">
      <t>セイキ</t>
    </rPh>
    <rPh sb="30" eb="32">
      <t>ゼンハン</t>
    </rPh>
    <rPh sb="33" eb="36">
      <t>ヨコスカ</t>
    </rPh>
    <rPh sb="37" eb="39">
      <t>シュッパン</t>
    </rPh>
    <phoneticPr fontId="2"/>
  </si>
  <si>
    <t>20世紀前半、横須賀には様々な書店や新聞社がありました。そこで発行された出版物を通じて、当時の横須賀を振り返ります。</t>
    <rPh sb="40" eb="41">
      <t>ツウ</t>
    </rPh>
    <phoneticPr fontId="2"/>
  </si>
  <si>
    <t>横須賀市立中央図書館</t>
    <rPh sb="0" eb="5">
      <t>ヨコスカシリツ</t>
    </rPh>
    <rPh sb="5" eb="10">
      <t>チュウオウトショカン</t>
    </rPh>
    <phoneticPr fontId="2"/>
  </si>
  <si>
    <t>横須賀中央駅</t>
    <rPh sb="0" eb="6">
      <t>ヨコスカチュウオウエキ</t>
    </rPh>
    <phoneticPr fontId="2"/>
  </si>
  <si>
    <t>横須賀市立中央図書館</t>
    <rPh sb="0" eb="10">
      <t>ヨコスカシリツチュウオウトショカン</t>
    </rPh>
    <phoneticPr fontId="2"/>
  </si>
  <si>
    <t>横須賀市立中央図書館郷土資料室</t>
    <rPh sb="0" eb="10">
      <t>ヨコスカシリツチュウオウトショカン</t>
    </rPh>
    <rPh sb="10" eb="15">
      <t>キョウドシリョウシツ</t>
    </rPh>
    <phoneticPr fontId="2"/>
  </si>
  <si>
    <t>https://www.yokosuka-lib.jp/</t>
    <phoneticPr fontId="2"/>
  </si>
  <si>
    <t>横須賀市３館連携「昭和100年めぐり」
特別展示「横須賀の歩んだ昭和」</t>
    <rPh sb="0" eb="4">
      <t>ヨコスカシ</t>
    </rPh>
    <rPh sb="5" eb="6">
      <t>カン</t>
    </rPh>
    <rPh sb="6" eb="8">
      <t>レンケイ</t>
    </rPh>
    <rPh sb="9" eb="11">
      <t>ショウワ</t>
    </rPh>
    <rPh sb="14" eb="15">
      <t>ネン</t>
    </rPh>
    <rPh sb="21" eb="25">
      <t>トクベツテンジ</t>
    </rPh>
    <rPh sb="26" eb="29">
      <t>ヨコスカ</t>
    </rPh>
    <rPh sb="30" eb="31">
      <t>アユ</t>
    </rPh>
    <rPh sb="33" eb="35">
      <t>ショウワ</t>
    </rPh>
    <phoneticPr fontId="2"/>
  </si>
  <si>
    <t>当時の貴重な史料や映像から、横須賀の歩んだ「昭和」の歴史を紹介します。</t>
    <rPh sb="14" eb="17">
      <t>ヨコスカ</t>
    </rPh>
    <rPh sb="18" eb="19">
      <t>アユ</t>
    </rPh>
    <rPh sb="22" eb="24">
      <t>ショウワ</t>
    </rPh>
    <rPh sb="26" eb="28">
      <t>レキシ</t>
    </rPh>
    <rPh sb="29" eb="31">
      <t>ショウカイ</t>
    </rPh>
    <phoneticPr fontId="2"/>
  </si>
  <si>
    <t>横須賀市自然・人文博物館</t>
    <rPh sb="0" eb="4">
      <t>ヨコスカシ</t>
    </rPh>
    <rPh sb="4" eb="6">
      <t>シゼン</t>
    </rPh>
    <rPh sb="7" eb="12">
      <t>ジンブンハクブツカン</t>
    </rPh>
    <phoneticPr fontId="2"/>
  </si>
  <si>
    <t>京急線
横須賀中央駅</t>
    <rPh sb="0" eb="3">
      <t>ケイキュウセン</t>
    </rPh>
    <rPh sb="4" eb="10">
      <t>ヨコスカチュウオウエキ</t>
    </rPh>
    <phoneticPr fontId="2"/>
  </si>
  <si>
    <t>https://www.museum.yokosuka.kanagawa.jp/archives/exinfo/106088</t>
    <phoneticPr fontId="2"/>
  </si>
  <si>
    <t>スチームハンマー蒸気模型の実演</t>
    <phoneticPr fontId="2"/>
  </si>
  <si>
    <t>国指定重要文化財スチームハンマーの1/10模型を実際に蒸気を使って実演稼働します。</t>
    <phoneticPr fontId="2"/>
  </si>
  <si>
    <t>ヴェルニー記念館</t>
    <rPh sb="5" eb="7">
      <t>キネン</t>
    </rPh>
    <rPh sb="7" eb="8">
      <t>カン</t>
    </rPh>
    <phoneticPr fontId="2"/>
  </si>
  <si>
    <t>ＪＲ横須賀線
横須賀駅</t>
    <rPh sb="2" eb="6">
      <t>ヨコスカセン</t>
    </rPh>
    <rPh sb="7" eb="10">
      <t>ヨコスカ</t>
    </rPh>
    <rPh sb="10" eb="11">
      <t>エキ</t>
    </rPh>
    <phoneticPr fontId="2"/>
  </si>
  <si>
    <t>https://www.museum.yokosuka.kanagawa.jp/archives/event/106049?view=future</t>
    <phoneticPr fontId="2"/>
  </si>
  <si>
    <t>歴史民俗探訪</t>
    <phoneticPr fontId="2"/>
  </si>
  <si>
    <t>横須賀市太田和周辺の歴史や民俗を現地を歩きながら学習します。</t>
    <rPh sb="0" eb="4">
      <t>ヨコスカシ</t>
    </rPh>
    <phoneticPr fontId="2"/>
  </si>
  <si>
    <t>野外（太田和）</t>
    <rPh sb="0" eb="2">
      <t>ヤガイ</t>
    </rPh>
    <rPh sb="3" eb="6">
      <t>オオタワ</t>
    </rPh>
    <phoneticPr fontId="2"/>
  </si>
  <si>
    <t>京浜急行バス
「武山」バス停</t>
    <rPh sb="0" eb="4">
      <t>ケイヒンキュウコウ</t>
    </rPh>
    <rPh sb="8" eb="10">
      <t>タケヤマ</t>
    </rPh>
    <rPh sb="13" eb="14">
      <t>テイ</t>
    </rPh>
    <phoneticPr fontId="2"/>
  </si>
  <si>
    <t>https://www.museum.yokosuka.kanagawa.jp/archives/event/106033?view=future</t>
    <phoneticPr fontId="2"/>
  </si>
  <si>
    <t>ナイトミュージアム</t>
    <phoneticPr fontId="2"/>
  </si>
  <si>
    <t>ふだんは見られない夜の博物館内を、夜間ならではの演出とともに学芸員がご案内します。</t>
    <phoneticPr fontId="2"/>
  </si>
  <si>
    <t>https://www.museum.yokosuka.kanagawa.jp/archives/event/106034?view=future</t>
    <phoneticPr fontId="2"/>
  </si>
  <si>
    <t>https://www.museum.yokosuka.kanagawa.jp/archives/event/106050?view=future</t>
    <phoneticPr fontId="2"/>
  </si>
  <si>
    <t>文化財収蔵庫公開</t>
    <phoneticPr fontId="2"/>
  </si>
  <si>
    <t>館内には収まりきらないほどの大形の木造船、竹で編んだ巨大な生け簀、タコ・イカ・マグロなど様々な種類の釣り針など、国指定重要有形民俗文化財「三浦半島の漁撈用具」2603点を期間限定で公開します。</t>
    <phoneticPr fontId="2"/>
  </si>
  <si>
    <t>https://www.museum.yokosuka.kanagawa.jp/archives/event/105988?view=future</t>
    <phoneticPr fontId="2"/>
  </si>
  <si>
    <t>自然館ミュージアムトーク</t>
    <phoneticPr fontId="2"/>
  </si>
  <si>
    <t>自然館の常設展示、トピックス展示について担当学芸員が来館者の皆さんとお話ししながら、わかりやすく解説します。</t>
    <phoneticPr fontId="2"/>
  </si>
  <si>
    <t>https://www.museum.yokosuka.kanagawa.jp/archives/event/105998?view=future</t>
    <phoneticPr fontId="2"/>
  </si>
  <si>
    <t>歴史展示ツアー</t>
    <rPh sb="0" eb="4">
      <t>レキシテンジ</t>
    </rPh>
    <phoneticPr fontId="2"/>
  </si>
  <si>
    <t>博物館の歴史展示を学芸員と一緒に見学します。</t>
    <phoneticPr fontId="2"/>
  </si>
  <si>
    <t>https://www.museum.yokosuka.kanagawa.jp/archives/event/106002?view=future</t>
    <phoneticPr fontId="2"/>
  </si>
  <si>
    <t>不登校児童生徒、高校中退者等のための不登校相談会・進路情報説明会</t>
    <rPh sb="0" eb="3">
      <t>フトウコウ</t>
    </rPh>
    <rPh sb="3" eb="5">
      <t>ジドウ</t>
    </rPh>
    <rPh sb="5" eb="7">
      <t>セイト</t>
    </rPh>
    <rPh sb="8" eb="10">
      <t>コウコウ</t>
    </rPh>
    <rPh sb="10" eb="13">
      <t>チュウタイシャ</t>
    </rPh>
    <rPh sb="13" eb="14">
      <t>ナド</t>
    </rPh>
    <rPh sb="18" eb="21">
      <t>フトウコウ</t>
    </rPh>
    <rPh sb="21" eb="24">
      <t>ソウダンカイ</t>
    </rPh>
    <rPh sb="25" eb="27">
      <t>シンロ</t>
    </rPh>
    <rPh sb="27" eb="29">
      <t>ジョウホウ</t>
    </rPh>
    <rPh sb="29" eb="32">
      <t>セツメイカイ</t>
    </rPh>
    <phoneticPr fontId="2"/>
  </si>
  <si>
    <t>不登校に悩む児童・生徒や高校中退者及びその保護者を対象に相談会を行い、進路に見通しがもてるように進路についての情報提供を行い、一人ひとりの社会的自立や学校生活の再開に向けた支援を行います。</t>
    <rPh sb="0" eb="3">
      <t>フトウコウ</t>
    </rPh>
    <rPh sb="4" eb="5">
      <t>ナヤ</t>
    </rPh>
    <rPh sb="6" eb="8">
      <t>ジドウ</t>
    </rPh>
    <rPh sb="9" eb="11">
      <t>セイト</t>
    </rPh>
    <rPh sb="12" eb="14">
      <t>コウコウ</t>
    </rPh>
    <rPh sb="14" eb="17">
      <t>チュウタイシャ</t>
    </rPh>
    <rPh sb="17" eb="18">
      <t>オヨ</t>
    </rPh>
    <rPh sb="21" eb="24">
      <t>ホゴシャ</t>
    </rPh>
    <rPh sb="25" eb="27">
      <t>タイショウ</t>
    </rPh>
    <rPh sb="28" eb="30">
      <t>ソウダン</t>
    </rPh>
    <rPh sb="30" eb="31">
      <t>カイ</t>
    </rPh>
    <rPh sb="32" eb="33">
      <t>オコナ</t>
    </rPh>
    <rPh sb="35" eb="37">
      <t>シンロ</t>
    </rPh>
    <rPh sb="38" eb="40">
      <t>ミトオ</t>
    </rPh>
    <rPh sb="48" eb="50">
      <t>シンロ</t>
    </rPh>
    <rPh sb="55" eb="57">
      <t>ジョウホウ</t>
    </rPh>
    <rPh sb="57" eb="59">
      <t>テイキョウ</t>
    </rPh>
    <rPh sb="60" eb="61">
      <t>オコナ</t>
    </rPh>
    <rPh sb="63" eb="65">
      <t>ヒトリ</t>
    </rPh>
    <rPh sb="69" eb="72">
      <t>シャカイテキ</t>
    </rPh>
    <rPh sb="72" eb="74">
      <t>ジリツ</t>
    </rPh>
    <rPh sb="75" eb="77">
      <t>ガッコウ</t>
    </rPh>
    <rPh sb="77" eb="79">
      <t>セイカツ</t>
    </rPh>
    <rPh sb="80" eb="82">
      <t>サイカイ</t>
    </rPh>
    <rPh sb="83" eb="84">
      <t>ム</t>
    </rPh>
    <rPh sb="86" eb="88">
      <t>シエン</t>
    </rPh>
    <rPh sb="89" eb="90">
      <t>オコナ</t>
    </rPh>
    <phoneticPr fontId="2"/>
  </si>
  <si>
    <t>横須賀市総合福祉会館</t>
    <rPh sb="0" eb="4">
      <t>ヨコスカシ</t>
    </rPh>
    <rPh sb="4" eb="6">
      <t>ソウゴウ</t>
    </rPh>
    <rPh sb="6" eb="8">
      <t>フクシ</t>
    </rPh>
    <rPh sb="8" eb="10">
      <t>カイカン</t>
    </rPh>
    <phoneticPr fontId="2"/>
  </si>
  <si>
    <t>汐入駅</t>
    <rPh sb="0" eb="2">
      <t>シオイリ</t>
    </rPh>
    <rPh sb="2" eb="3">
      <t>エキ</t>
    </rPh>
    <phoneticPr fontId="2"/>
  </si>
  <si>
    <t>神奈川県学校・フリースクール等連携協議会、神奈川県教育委員会</t>
    <rPh sb="0" eb="4">
      <t>カナガワケン</t>
    </rPh>
    <rPh sb="4" eb="6">
      <t>ガッコウ</t>
    </rPh>
    <rPh sb="14" eb="15">
      <t>トウ</t>
    </rPh>
    <rPh sb="15" eb="17">
      <t>レンケイ</t>
    </rPh>
    <rPh sb="17" eb="20">
      <t>キョウギカイ</t>
    </rPh>
    <rPh sb="21" eb="25">
      <t>カナガワケン</t>
    </rPh>
    <rPh sb="25" eb="27">
      <t>キョウイク</t>
    </rPh>
    <rPh sb="27" eb="30">
      <t>イインカイ</t>
    </rPh>
    <phoneticPr fontId="2"/>
  </si>
  <si>
    <t>小、中学生、高校生、高校中退者、保護者、教員等</t>
    <rPh sb="0" eb="1">
      <t>ショウ</t>
    </rPh>
    <rPh sb="2" eb="5">
      <t>チュウガクセイ</t>
    </rPh>
    <rPh sb="6" eb="8">
      <t>コウコウ</t>
    </rPh>
    <rPh sb="8" eb="9">
      <t>セイ</t>
    </rPh>
    <rPh sb="10" eb="12">
      <t>コウコウ</t>
    </rPh>
    <rPh sb="12" eb="15">
      <t>チュウタイシャ</t>
    </rPh>
    <rPh sb="16" eb="19">
      <t>ホゴシャ</t>
    </rPh>
    <rPh sb="20" eb="22">
      <t>キョウイン</t>
    </rPh>
    <rPh sb="22" eb="23">
      <t>トウ</t>
    </rPh>
    <phoneticPr fontId="2"/>
  </si>
  <si>
    <t>横須賀市教育委員会事務局学校教育部支援教育課</t>
    <rPh sb="0" eb="4">
      <t>ヨコスカシ</t>
    </rPh>
    <rPh sb="4" eb="9">
      <t>キョウイクイインカイ</t>
    </rPh>
    <rPh sb="9" eb="12">
      <t>ジムキョク</t>
    </rPh>
    <rPh sb="12" eb="14">
      <t>ガッコウ</t>
    </rPh>
    <rPh sb="14" eb="16">
      <t>キョウイク</t>
    </rPh>
    <rPh sb="16" eb="17">
      <t>ブ</t>
    </rPh>
    <rPh sb="17" eb="22">
      <t>シエンキョウイクカ</t>
    </rPh>
    <phoneticPr fontId="2"/>
  </si>
  <si>
    <t>イングリッシュイベント（初級編）</t>
    <rPh sb="12" eb="14">
      <t>ショキュウ</t>
    </rPh>
    <rPh sb="14" eb="15">
      <t>ヘン</t>
    </rPh>
    <phoneticPr fontId="2"/>
  </si>
  <si>
    <t>児童・生徒同士やＡＥＴとの英語によるやり取りを通じて、児童・生徒の英語に対する興味・関心を高め、コミュニケーション能力の一層の向上を図る。</t>
    <rPh sb="0" eb="2">
      <t>ジドウ</t>
    </rPh>
    <rPh sb="3" eb="5">
      <t>セイト</t>
    </rPh>
    <rPh sb="5" eb="7">
      <t>ドウシ</t>
    </rPh>
    <rPh sb="13" eb="15">
      <t>エイゴ</t>
    </rPh>
    <rPh sb="20" eb="21">
      <t>ト</t>
    </rPh>
    <rPh sb="23" eb="24">
      <t>ツウ</t>
    </rPh>
    <rPh sb="27" eb="29">
      <t>ジドウ</t>
    </rPh>
    <rPh sb="30" eb="32">
      <t>セイト</t>
    </rPh>
    <rPh sb="33" eb="35">
      <t>エイゴ</t>
    </rPh>
    <rPh sb="36" eb="37">
      <t>タイ</t>
    </rPh>
    <rPh sb="39" eb="41">
      <t>キョウミ</t>
    </rPh>
    <rPh sb="42" eb="44">
      <t>カンシン</t>
    </rPh>
    <rPh sb="45" eb="46">
      <t>タカ</t>
    </rPh>
    <rPh sb="57" eb="59">
      <t>ノウリョク</t>
    </rPh>
    <rPh sb="60" eb="62">
      <t>イッソウ</t>
    </rPh>
    <rPh sb="63" eb="65">
      <t>コウジョウ</t>
    </rPh>
    <rPh sb="66" eb="67">
      <t>ハカ</t>
    </rPh>
    <phoneticPr fontId="2"/>
  </si>
  <si>
    <t>平塚市青少年会館</t>
    <rPh sb="0" eb="3">
      <t>ヒラツカシ</t>
    </rPh>
    <rPh sb="3" eb="6">
      <t>セイショウネン</t>
    </rPh>
    <rPh sb="6" eb="8">
      <t>カイカン</t>
    </rPh>
    <phoneticPr fontId="2"/>
  </si>
  <si>
    <t>平塚駅</t>
    <rPh sb="0" eb="2">
      <t>ヒラツカ</t>
    </rPh>
    <rPh sb="2" eb="3">
      <t>エキ</t>
    </rPh>
    <phoneticPr fontId="2"/>
  </si>
  <si>
    <t>平塚市教育委員会教育指導課</t>
    <rPh sb="0" eb="3">
      <t>ヒラツカシ</t>
    </rPh>
    <rPh sb="3" eb="5">
      <t>キョウイク</t>
    </rPh>
    <rPh sb="5" eb="8">
      <t>イインカイ</t>
    </rPh>
    <rPh sb="8" eb="10">
      <t>キョウイク</t>
    </rPh>
    <rPh sb="10" eb="13">
      <t>シドウカ</t>
    </rPh>
    <phoneticPr fontId="2"/>
  </si>
  <si>
    <t>平塚市立小学校５・６年生及び平塚市立中学校１・２年生</t>
    <rPh sb="0" eb="3">
      <t>ヒラツカシ</t>
    </rPh>
    <rPh sb="3" eb="4">
      <t>リツ</t>
    </rPh>
    <rPh sb="4" eb="7">
      <t>ショウガッコウ</t>
    </rPh>
    <rPh sb="10" eb="12">
      <t>ネンセイ</t>
    </rPh>
    <rPh sb="12" eb="13">
      <t>オヨ</t>
    </rPh>
    <rPh sb="14" eb="17">
      <t>ヒラツカシ</t>
    </rPh>
    <rPh sb="17" eb="18">
      <t>リツ</t>
    </rPh>
    <rPh sb="18" eb="21">
      <t>チュウガッコウ</t>
    </rPh>
    <rPh sb="24" eb="26">
      <t>ネンセイ</t>
    </rPh>
    <phoneticPr fontId="2"/>
  </si>
  <si>
    <t>藤沢市</t>
    <rPh sb="0" eb="3">
      <t>フジサワシ</t>
    </rPh>
    <phoneticPr fontId="2"/>
  </si>
  <si>
    <t>藤沢市スポーツシンポジウム２０２５</t>
    <phoneticPr fontId="2"/>
  </si>
  <si>
    <t>プロスポーツチームと連携した体験を含めたイベント</t>
    <rPh sb="10" eb="12">
      <t>レンケイ</t>
    </rPh>
    <rPh sb="14" eb="16">
      <t>タイケン</t>
    </rPh>
    <rPh sb="17" eb="18">
      <t>フク</t>
    </rPh>
    <phoneticPr fontId="2"/>
  </si>
  <si>
    <t>秋葉台文化体育館</t>
    <rPh sb="0" eb="8">
      <t>アキバダイブンカタイイクカン</t>
    </rPh>
    <phoneticPr fontId="2"/>
  </si>
  <si>
    <t>湘南台駅</t>
    <rPh sb="0" eb="4">
      <t>ショウナンダイエキ</t>
    </rPh>
    <phoneticPr fontId="2"/>
  </si>
  <si>
    <t>藤沢市・藤沢市スポーツ連盟</t>
    <phoneticPr fontId="2"/>
  </si>
  <si>
    <t>藤沢市スポーツ推進課</t>
    <rPh sb="0" eb="3">
      <t>フジサワシ</t>
    </rPh>
    <rPh sb="7" eb="10">
      <t>スイシンカ</t>
    </rPh>
    <phoneticPr fontId="15"/>
  </si>
  <si>
    <t xml:space="preserve"> FUJISAWA SPORTS PARK（パラスポーツ）</t>
    <phoneticPr fontId="2"/>
  </si>
  <si>
    <t>誰もが気軽に体を動かせる様々な体験ができるイベント</t>
    <phoneticPr fontId="2"/>
  </si>
  <si>
    <t>藤沢駅北口サンパール広場</t>
    <phoneticPr fontId="2"/>
  </si>
  <si>
    <t>藤沢駅</t>
    <rPh sb="0" eb="3">
      <t>フジサワエキ</t>
    </rPh>
    <phoneticPr fontId="2"/>
  </si>
  <si>
    <t>ふじさわスポーツパーク実行委員会（委員：藤沢市）</t>
    <rPh sb="11" eb="16">
      <t>ジッコウイインカイ</t>
    </rPh>
    <rPh sb="17" eb="19">
      <t>イイン</t>
    </rPh>
    <rPh sb="20" eb="23">
      <t>フジサワシ</t>
    </rPh>
    <phoneticPr fontId="2"/>
  </si>
  <si>
    <t>ふじさわセーリングフェスタ2025 in 江の島</t>
    <phoneticPr fontId="2"/>
  </si>
  <si>
    <t>どなたでも安全・簡単に乗れる小型ヨットを使用し、海上セーリングが体験できるイベント</t>
    <phoneticPr fontId="2"/>
  </si>
  <si>
    <t>江の島ヨットハーバー</t>
    <rPh sb="0" eb="1">
      <t>エ</t>
    </rPh>
    <rPh sb="2" eb="3">
      <t>シマ</t>
    </rPh>
    <phoneticPr fontId="2"/>
  </si>
  <si>
    <t>片瀬江ノ島駅</t>
    <rPh sb="0" eb="3">
      <t>カタセエ</t>
    </rPh>
    <rPh sb="4" eb="6">
      <t>シマエキ</t>
    </rPh>
    <phoneticPr fontId="2"/>
  </si>
  <si>
    <t>小学生以上</t>
    <rPh sb="0" eb="5">
      <t>ショウガクセイイジョウ</t>
    </rPh>
    <phoneticPr fontId="2"/>
  </si>
  <si>
    <t>スポーツまつりふじさわ2025</t>
    <phoneticPr fontId="2"/>
  </si>
  <si>
    <t>誰もが様々なスポーツを体験できるイベント</t>
    <rPh sb="0" eb="1">
      <t>ダレ</t>
    </rPh>
    <rPh sb="3" eb="5">
      <t>サマザマ</t>
    </rPh>
    <rPh sb="11" eb="13">
      <t>タイケン</t>
    </rPh>
    <phoneticPr fontId="2"/>
  </si>
  <si>
    <t>藤沢市・スポーツまつりふじさわ 2025 実行委員会</t>
    <phoneticPr fontId="2"/>
  </si>
  <si>
    <t>藤沢市アートスペース制作・展示支援プログラム
「Artists in FAS 2025」</t>
  </si>
  <si>
    <t>全国のアーティストから作品プランを募集。4 名（組）のアーティストを選出し、制作と発表の場を提供するアーティスト・イン・レジデンスプログラムです。</t>
  </si>
  <si>
    <t>藤沢市アートスペース</t>
    <rPh sb="0" eb="3">
      <t>フジサワシ</t>
    </rPh>
    <phoneticPr fontId="5"/>
  </si>
  <si>
    <t>辻堂駅</t>
    <rPh sb="0" eb="3">
      <t>ツジドウエキ</t>
    </rPh>
    <phoneticPr fontId="2"/>
  </si>
  <si>
    <t>藤沢市生涯学習部文化芸術課</t>
    <rPh sb="0" eb="3">
      <t>フジサワシ</t>
    </rPh>
    <rPh sb="3" eb="5">
      <t>ショウガイ</t>
    </rPh>
    <rPh sb="5" eb="7">
      <t>ガクシュウ</t>
    </rPh>
    <rPh sb="7" eb="8">
      <t>ブ</t>
    </rPh>
    <rPh sb="8" eb="10">
      <t>ブンカ</t>
    </rPh>
    <rPh sb="10" eb="12">
      <t>ゲイジュツ</t>
    </rPh>
    <rPh sb="12" eb="13">
      <t>カ</t>
    </rPh>
    <phoneticPr fontId="2"/>
  </si>
  <si>
    <t>作品の制作・発表をしたいアーティスト（表現ジャンルは問わない）、アーティストとの交流や美術鑑賞に関心のある一般市民</t>
    <rPh sb="0" eb="2">
      <t>サクヒン</t>
    </rPh>
    <rPh sb="3" eb="5">
      <t>セイサク</t>
    </rPh>
    <rPh sb="6" eb="8">
      <t>ハッピョウ</t>
    </rPh>
    <rPh sb="19" eb="21">
      <t>ヒョウゲン</t>
    </rPh>
    <rPh sb="26" eb="27">
      <t>ト</t>
    </rPh>
    <rPh sb="40" eb="42">
      <t>コウリュウ</t>
    </rPh>
    <rPh sb="43" eb="45">
      <t>ビジュツ</t>
    </rPh>
    <rPh sb="45" eb="47">
      <t>カンショウ</t>
    </rPh>
    <rPh sb="48" eb="50">
      <t>カンシン</t>
    </rPh>
    <rPh sb="53" eb="55">
      <t>イッパン</t>
    </rPh>
    <rPh sb="55" eb="57">
      <t>シミン</t>
    </rPh>
    <phoneticPr fontId="2"/>
  </si>
  <si>
    <t>藤沢市アートスペース</t>
    <rPh sb="0" eb="3">
      <t>フジサワシ</t>
    </rPh>
    <phoneticPr fontId="17"/>
  </si>
  <si>
    <t>http://www.city.fujisawa.kanagawa.jp/bunka/FAS/</t>
    <phoneticPr fontId="2"/>
  </si>
  <si>
    <t>石田組コンサートツアー2025</t>
    <rPh sb="0" eb="3">
      <t>イシダグミ</t>
    </rPh>
    <phoneticPr fontId="1"/>
  </si>
  <si>
    <t>藤沢市民会館の最終年を彩る公演の1つとして開催。ヴァイオリニスト石田泰尚の呼びかけにより２０１４年に結成された弦楽合奏団。石田泰尚が信頼を置く一線で活躍しているオーケストラメンバーを中心に、公演ごとに編成されます。かつて藤沢ジュニアオーケストラに所属していた石田泰尚の藤沢凱旋公演。</t>
    <phoneticPr fontId="2"/>
  </si>
  <si>
    <t>藤沢市民会館
大ホール</t>
    <rPh sb="0" eb="6">
      <t>フジサワシミンカイカン</t>
    </rPh>
    <rPh sb="7" eb="8">
      <t>ダイ</t>
    </rPh>
    <phoneticPr fontId="5"/>
  </si>
  <si>
    <t>藤沢駅</t>
    <rPh sb="0" eb="2">
      <t>フジサワ</t>
    </rPh>
    <rPh sb="2" eb="3">
      <t>エキ</t>
    </rPh>
    <phoneticPr fontId="2"/>
  </si>
  <si>
    <t>公益財団法人藤沢市みらい創造財団　芸術文化事業課</t>
    <rPh sb="0" eb="6">
      <t>コウエキザイダンホウジン</t>
    </rPh>
    <phoneticPr fontId="2"/>
  </si>
  <si>
    <t xml:space="preserve">公益財団法人藤沢市みらい創造財団　芸術文化事業課
</t>
    <rPh sb="6" eb="9">
      <t>フジサワシ</t>
    </rPh>
    <rPh sb="12" eb="16">
      <t>ソウゾウザイダン</t>
    </rPh>
    <rPh sb="17" eb="24">
      <t>ゲイジュツブンカジギョウカ</t>
    </rPh>
    <phoneticPr fontId="17"/>
  </si>
  <si>
    <t>https://f-mirai.jp/archives/103778</t>
    <phoneticPr fontId="2"/>
  </si>
  <si>
    <t>松竹大歌舞伎　藤沢公演</t>
    <rPh sb="0" eb="2">
      <t>ショウチク</t>
    </rPh>
    <rPh sb="2" eb="6">
      <t>オオカブキ</t>
    </rPh>
    <rPh sb="7" eb="9">
      <t>フジサワ</t>
    </rPh>
    <rPh sb="9" eb="11">
      <t>コウエン</t>
    </rPh>
    <phoneticPr fontId="1"/>
  </si>
  <si>
    <t>藤沢市民会館の最終年を彩る公演の1つとして開催。
公益社団法人全国公立文化施設協会主催の松竹大歌舞伎公演。日本の古典芸能である「歌舞伎」を藤沢市民会館で公演します。</t>
  </si>
  <si>
    <t>公文協大歌舞伎藤沢公演実行委員会</t>
    <rPh sb="0" eb="2">
      <t>クモン</t>
    </rPh>
    <rPh sb="2" eb="3">
      <t>キョウ</t>
    </rPh>
    <rPh sb="3" eb="4">
      <t>オオ</t>
    </rPh>
    <rPh sb="4" eb="7">
      <t>カブキ</t>
    </rPh>
    <rPh sb="7" eb="9">
      <t>フジサワ</t>
    </rPh>
    <rPh sb="9" eb="11">
      <t>コウエン</t>
    </rPh>
    <rPh sb="11" eb="13">
      <t>ジッコウ</t>
    </rPh>
    <rPh sb="13" eb="16">
      <t>イインカイ</t>
    </rPh>
    <phoneticPr fontId="2"/>
  </si>
  <si>
    <t>藤沢狂言会2025</t>
    <rPh sb="0" eb="5">
      <t>フジサワキョウゲンカイ</t>
    </rPh>
    <phoneticPr fontId="1"/>
  </si>
  <si>
    <t>藤沢市民会館の最終年を彩る公演の1つとして開催。日本の古典芸能「狂言」の鑑賞機会を提供する。狂言師・人間国宝の野村万作と多方面で活躍する野村萬斎の究極の芸を藤沢でお楽しみください。</t>
  </si>
  <si>
    <t>子どもたちにおはなしの世界を届けてみませんか</t>
    <phoneticPr fontId="2"/>
  </si>
  <si>
    <t>子どもにとっておはなしとは、また、おはなしの選び方・覚え方・語り方など、基本的なことを学びます。</t>
    <phoneticPr fontId="2"/>
  </si>
  <si>
    <t>総合市民図書館　２階　ホール</t>
    <rPh sb="0" eb="2">
      <t>ソウゴウ</t>
    </rPh>
    <rPh sb="2" eb="4">
      <t>シミン</t>
    </rPh>
    <rPh sb="4" eb="7">
      <t>トショカン</t>
    </rPh>
    <rPh sb="9" eb="10">
      <t>カイ</t>
    </rPh>
    <phoneticPr fontId="2"/>
  </si>
  <si>
    <t>藤沢市総合市民図書館</t>
    <rPh sb="0" eb="3">
      <t>フジサワシ</t>
    </rPh>
    <rPh sb="3" eb="5">
      <t>ソウゴウ</t>
    </rPh>
    <rPh sb="5" eb="7">
      <t>シミン</t>
    </rPh>
    <rPh sb="7" eb="10">
      <t>トショカン</t>
    </rPh>
    <phoneticPr fontId="2"/>
  </si>
  <si>
    <t>特になし</t>
    <rPh sb="0" eb="1">
      <t>トク</t>
    </rPh>
    <phoneticPr fontId="2"/>
  </si>
  <si>
    <t>無料</t>
    <phoneticPr fontId="2"/>
  </si>
  <si>
    <t>要</t>
    <phoneticPr fontId="2"/>
  </si>
  <si>
    <t>藤沢市総合市民図書館</t>
    <rPh sb="0" eb="10">
      <t>フジサワシソウゴウシミントショカン</t>
    </rPh>
    <phoneticPr fontId="2"/>
  </si>
  <si>
    <t>おおきなおおきなおはなし会</t>
    <phoneticPr fontId="2"/>
  </si>
  <si>
    <t>大きな絵本や紙芝居を楽しむおはなし会です。</t>
    <rPh sb="0" eb="1">
      <t>オオ</t>
    </rPh>
    <rPh sb="3" eb="5">
      <t>エホン</t>
    </rPh>
    <rPh sb="6" eb="9">
      <t>カミシバイ</t>
    </rPh>
    <rPh sb="10" eb="11">
      <t>タノ</t>
    </rPh>
    <rPh sb="17" eb="18">
      <t>カイ</t>
    </rPh>
    <phoneticPr fontId="2"/>
  </si>
  <si>
    <t>総合市民図書館　緑陰コーナー</t>
    <rPh sb="0" eb="2">
      <t>ソウゴウ</t>
    </rPh>
    <rPh sb="2" eb="4">
      <t>シミン</t>
    </rPh>
    <rPh sb="4" eb="7">
      <t>トショカン</t>
    </rPh>
    <rPh sb="8" eb="10">
      <t>リョクイン</t>
    </rPh>
    <phoneticPr fontId="2"/>
  </si>
  <si>
    <t>紙芝居いっぱいおはなし会</t>
    <phoneticPr fontId="2"/>
  </si>
  <si>
    <t>紙芝居をたくさん読むおはなし会です。</t>
    <rPh sb="0" eb="3">
      <t>カミシバイ</t>
    </rPh>
    <rPh sb="8" eb="9">
      <t>ヨ</t>
    </rPh>
    <rPh sb="14" eb="15">
      <t>カイ</t>
    </rPh>
    <phoneticPr fontId="2"/>
  </si>
  <si>
    <t>総合市民図書館　地階　じゅうたんコーナー</t>
    <rPh sb="0" eb="2">
      <t>ソウゴウ</t>
    </rPh>
    <rPh sb="2" eb="4">
      <t>シミン</t>
    </rPh>
    <rPh sb="4" eb="7">
      <t>トショカン</t>
    </rPh>
    <rPh sb="8" eb="9">
      <t>チ</t>
    </rPh>
    <rPh sb="9" eb="10">
      <t>カイ</t>
    </rPh>
    <phoneticPr fontId="2"/>
  </si>
  <si>
    <t>辻堂寄席</t>
  </si>
  <si>
    <t>読書週間行事の一環として落語や腹話術などを行っています。</t>
  </si>
  <si>
    <t>辻堂市民図書館
２階　ホール</t>
  </si>
  <si>
    <t>辻堂駅</t>
  </si>
  <si>
    <t>藤沢市辻堂市民図書館</t>
  </si>
  <si>
    <t>特になし</t>
  </si>
  <si>
    <t>読書週間行事の一環として毎年実施しているイベント。</t>
  </si>
  <si>
    <t>ブックトーク</t>
  </si>
  <si>
    <t>テーマに沿っていろいろな本を幅広く紹介します。</t>
  </si>
  <si>
    <t>小学校２年生以上</t>
  </si>
  <si>
    <t>フレイル予防講座</t>
  </si>
  <si>
    <t>フレイル予防に関するお話や体操を行う講座です。</t>
  </si>
  <si>
    <t>湘南大庭市民図書館　第1会議室</t>
  </si>
  <si>
    <t>JR辻堂駅北口よりバス約10分・小田急湘南台駅西口よりバス約25分</t>
  </si>
  <si>
    <t>湘南大庭市民図書館</t>
  </si>
  <si>
    <t>盲導犬使用者に盲導犬との生活をお話しいただいたり、実際に盲導犬とふれあったりして盲導犬への理解を深める講座です。</t>
  </si>
  <si>
    <t>小学生から大人まで</t>
  </si>
  <si>
    <t>はやぶさや小惑星探査技術についてのお話しを聞いたり、宇宙に関してのクイズを楽しみます。</t>
  </si>
  <si>
    <t>小学校4年生から大人まで</t>
  </si>
  <si>
    <t>文学歴史散歩</t>
  </si>
  <si>
    <t>第1日目は文学についての講義、第2日目はテーマに沿って、散策する文学歴史散歩を開催します。</t>
  </si>
  <si>
    <t>南市民図書館会議室
鎌倉</t>
    <rPh sb="10" eb="12">
      <t>カマクラ</t>
    </rPh>
    <phoneticPr fontId="2"/>
  </si>
  <si>
    <t>藤沢駅
鎌倉駅</t>
    <rPh sb="4" eb="6">
      <t>カマクラ</t>
    </rPh>
    <rPh sb="6" eb="7">
      <t>エキ</t>
    </rPh>
    <phoneticPr fontId="2"/>
  </si>
  <si>
    <t>藤沢市南市民図書館</t>
  </si>
  <si>
    <t>特になし（一般）</t>
  </si>
  <si>
    <t>こどもマンガ教室</t>
  </si>
  <si>
    <t>道具の使い方などの説明のあと、自由にマンガやイラストを描いて、後日、製本して作品集を作る講座を開催します。（全2回）</t>
  </si>
  <si>
    <t>南市民図書館会議室</t>
  </si>
  <si>
    <t>藤沢駅</t>
  </si>
  <si>
    <t>読書週間映画会</t>
  </si>
  <si>
    <t>読書週間行事の一つとして、美術がテーマの映画を上映予定。</t>
  </si>
  <si>
    <t>読書週間こどものつどい</t>
  </si>
  <si>
    <t>恒例の“あおむしたいそう”から、大型絵本、紙芝居、パネルシアター、ペープサート、手遊びなど、盛りだくさんの内容の特別なおはなしかい。</t>
  </si>
  <si>
    <t>藤沢市南市民図書館　おはなしのへや</t>
  </si>
  <si>
    <t>3さいぐらいからのこどもと保護者</t>
  </si>
  <si>
    <t>鉄道模型であそぼう</t>
  </si>
  <si>
    <t>鉄道模型Nゲージを展示し、希望する子どもに走行させる。同時に鉄道に関するミニおはなしかいも開催します。</t>
  </si>
  <si>
    <t>3さいぐらいから</t>
  </si>
  <si>
    <t>古典文学講座</t>
    <rPh sb="0" eb="2">
      <t>コテン</t>
    </rPh>
    <rPh sb="2" eb="4">
      <t>ブンガク</t>
    </rPh>
    <rPh sb="4" eb="6">
      <t>コウザ</t>
    </rPh>
    <phoneticPr fontId="2"/>
  </si>
  <si>
    <t>読書週間の催しとして講演会を行い、市民が古典文学に触れ親しむ機会を提供する。</t>
    <rPh sb="0" eb="2">
      <t>ドクショ</t>
    </rPh>
    <rPh sb="2" eb="4">
      <t>シュウカン</t>
    </rPh>
    <rPh sb="5" eb="6">
      <t>モヨオ</t>
    </rPh>
    <rPh sb="10" eb="13">
      <t>コウエンカイ</t>
    </rPh>
    <rPh sb="14" eb="15">
      <t>オコナ</t>
    </rPh>
    <rPh sb="17" eb="19">
      <t>シミン</t>
    </rPh>
    <rPh sb="20" eb="22">
      <t>コテン</t>
    </rPh>
    <rPh sb="22" eb="24">
      <t>ブンガク</t>
    </rPh>
    <rPh sb="25" eb="26">
      <t>フ</t>
    </rPh>
    <rPh sb="27" eb="28">
      <t>シタ</t>
    </rPh>
    <rPh sb="30" eb="32">
      <t>キカイ</t>
    </rPh>
    <rPh sb="33" eb="35">
      <t>テイキョウ</t>
    </rPh>
    <phoneticPr fontId="2"/>
  </si>
  <si>
    <t>第16回おだわらスポーツ＆レクリエーションフェスティバル</t>
    <phoneticPr fontId="2"/>
  </si>
  <si>
    <t>ピックルボールやダブルダッチ、ボッチャ等の体験、赤ちゃんダービーやスポーツをこどもから大人まで気軽に楽しめるイベントです。</t>
    <rPh sb="18" eb="19">
      <t>ナド</t>
    </rPh>
    <rPh sb="42" eb="44">
      <t>オトナキガルタノ</t>
    </rPh>
    <phoneticPr fontId="2"/>
  </si>
  <si>
    <t xml:space="preserve">	小田原市総合文化体育館・小田原アリーナ</t>
    <phoneticPr fontId="2"/>
  </si>
  <si>
    <t>富水駅</t>
    <rPh sb="0" eb="2">
      <t>トミズ</t>
    </rPh>
    <rPh sb="2" eb="3">
      <t>エキ</t>
    </rPh>
    <phoneticPr fontId="2"/>
  </si>
  <si>
    <t>公益財団法人小田原市体育協会</t>
    <phoneticPr fontId="2"/>
  </si>
  <si>
    <t>https://odawara-taikyo.or.jp/</t>
  </si>
  <si>
    <t>未来のアスリートアカデミー</t>
    <phoneticPr fontId="2"/>
  </si>
  <si>
    <t>オリンピック選手達による指導により参加者の個人技術のスキルアップを図るとともに、陸上競技の普及・啓発を目的とするイベントです。</t>
    <rPh sb="51" eb="53">
      <t>モクテキ</t>
    </rPh>
    <phoneticPr fontId="2"/>
  </si>
  <si>
    <t>小学生</t>
    <rPh sb="0" eb="3">
      <t>ショウガクセイ</t>
    </rPh>
    <phoneticPr fontId="2"/>
  </si>
  <si>
    <t>https://odawara-taikyo.or.jp/</t>
    <phoneticPr fontId="2"/>
  </si>
  <si>
    <t>　尊徳祭</t>
    <rPh sb="1" eb="4">
      <t>ソントクサイ</t>
    </rPh>
    <phoneticPr fontId="2"/>
  </si>
  <si>
    <t>二宮尊徳翁（金次郎）をしのび、生まれ育った栢山の地にて培われた考え方や教えを学ぶとともに、翁の多くの偉業を顕彰することを目的としています。</t>
    <phoneticPr fontId="2"/>
  </si>
  <si>
    <t>小田原市尊徳記念館</t>
    <rPh sb="0" eb="4">
      <t>オダワラシ</t>
    </rPh>
    <rPh sb="4" eb="9">
      <t>ソントクキネンカン</t>
    </rPh>
    <phoneticPr fontId="2"/>
  </si>
  <si>
    <t>栢山駅
富水駅</t>
    <rPh sb="0" eb="3">
      <t>カヤマエキ</t>
    </rPh>
    <rPh sb="4" eb="7">
      <t>トミズエキ</t>
    </rPh>
    <phoneticPr fontId="2"/>
  </si>
  <si>
    <t xml:space="preserve">小田原市教育委員会
</t>
    <rPh sb="0" eb="4">
      <t>オダワラシ</t>
    </rPh>
    <rPh sb="4" eb="9">
      <t>キョウイクイインカイ</t>
    </rPh>
    <phoneticPr fontId="2"/>
  </si>
  <si>
    <t>どなたでも</t>
    <phoneticPr fontId="2"/>
  </si>
  <si>
    <t>小田原市尊徳記念館</t>
    <rPh sb="0" eb="9">
      <t>オダワラシソントクキネンカン</t>
    </rPh>
    <phoneticPr fontId="2"/>
  </si>
  <si>
    <t>地域少年リーダー養成講座「きらめきロビンフッド」（ステップ２）</t>
    <rPh sb="0" eb="2">
      <t>チイキ</t>
    </rPh>
    <rPh sb="2" eb="4">
      <t>ショウネン</t>
    </rPh>
    <rPh sb="8" eb="12">
      <t>ヨウセイコウザ</t>
    </rPh>
    <phoneticPr fontId="2"/>
  </si>
  <si>
    <t xml:space="preserve">自然の中での共同生活を通じて、学校や学年の違う仲間とふれあい、自主性、自立心、協調性、積極性などリーダーとしての意識を育て、地域における青少年リーダーを養成することを目的としたもので、キャンプを中心とした講座を実施します。
</t>
    <phoneticPr fontId="2"/>
  </si>
  <si>
    <t>神奈川県立足柄ふれあいの村</t>
    <rPh sb="0" eb="3">
      <t>カナガワ</t>
    </rPh>
    <rPh sb="3" eb="5">
      <t>ケンリツ</t>
    </rPh>
    <rPh sb="5" eb="7">
      <t>アシガラ</t>
    </rPh>
    <rPh sb="12" eb="13">
      <t>ムラ</t>
    </rPh>
    <phoneticPr fontId="2"/>
  </si>
  <si>
    <t>小田原市青少年育成推進員協議会</t>
    <rPh sb="0" eb="4">
      <t>オダワラシ</t>
    </rPh>
    <rPh sb="4" eb="7">
      <t>セイショウネン</t>
    </rPh>
    <rPh sb="7" eb="15">
      <t>イクセイスイシンインキョウギカイ</t>
    </rPh>
    <phoneticPr fontId="2"/>
  </si>
  <si>
    <t>小田原市内在住の小学５・６年生</t>
    <rPh sb="0" eb="3">
      <t>オダワラ</t>
    </rPh>
    <rPh sb="3" eb="5">
      <t>シナイ</t>
    </rPh>
    <rPh sb="5" eb="7">
      <t>ザイジュウ</t>
    </rPh>
    <rPh sb="8" eb="10">
      <t>ショウガク</t>
    </rPh>
    <rPh sb="13" eb="15">
      <t>ネンセイ</t>
    </rPh>
    <phoneticPr fontId="2"/>
  </si>
  <si>
    <t>小田原市青少年課</t>
    <rPh sb="0" eb="3">
      <t>オダワラ</t>
    </rPh>
    <rPh sb="3" eb="4">
      <t>シ</t>
    </rPh>
    <rPh sb="4" eb="7">
      <t>セイショウネン</t>
    </rPh>
    <rPh sb="7" eb="8">
      <t>カ</t>
    </rPh>
    <phoneticPr fontId="2"/>
  </si>
  <si>
    <t>https://www.city.odawara.kanagawa.jp/field/lifelong/youth/shidousyayousei/p39685.html</t>
    <phoneticPr fontId="2"/>
  </si>
  <si>
    <t>小田原市</t>
    <rPh sb="0" eb="4">
      <t>オダワラシ</t>
    </rPh>
    <phoneticPr fontId="2"/>
  </si>
  <si>
    <t>小田原民俗芸能保存協会
後継者育成発表会</t>
    <rPh sb="12" eb="15">
      <t>コウケイシャ</t>
    </rPh>
    <rPh sb="15" eb="17">
      <t>イクセイ</t>
    </rPh>
    <rPh sb="17" eb="20">
      <t>ハッピョウカイ</t>
    </rPh>
    <phoneticPr fontId="18"/>
  </si>
  <si>
    <t>民俗芸能団体８団体による発表会を開催します。</t>
    <phoneticPr fontId="2"/>
  </si>
  <si>
    <t>三の丸ホール
[大ホール]</t>
    <phoneticPr fontId="2"/>
  </si>
  <si>
    <t>小田原駅</t>
    <rPh sb="0" eb="4">
      <t>オダワラエキ</t>
    </rPh>
    <phoneticPr fontId="2"/>
  </si>
  <si>
    <t>小田原市文化財課</t>
    <rPh sb="0" eb="4">
      <t>オダワラシ</t>
    </rPh>
    <rPh sb="4" eb="8">
      <t>ブンカザイカ</t>
    </rPh>
    <phoneticPr fontId="2"/>
  </si>
  <si>
    <t>小田原市文化財課</t>
    <rPh sb="0" eb="8">
      <t>オダワラシブンカザイカ</t>
    </rPh>
    <phoneticPr fontId="2"/>
  </si>
  <si>
    <t>遺跡調査発表会</t>
    <phoneticPr fontId="18"/>
  </si>
  <si>
    <t>担当学芸員や発掘調査会社が昨年度の埋蔵文化財本格調査の成果発表を行います。</t>
    <phoneticPr fontId="2"/>
  </si>
  <si>
    <t>三の丸ホール
[小ホール]</t>
    <phoneticPr fontId="2"/>
  </si>
  <si>
    <t>遺跡講演会
シンポジウム</t>
    <phoneticPr fontId="18"/>
  </si>
  <si>
    <t>考古の学識経験者を招き、講演会とシンポジウムを行います。</t>
    <phoneticPr fontId="2"/>
  </si>
  <si>
    <t>『紫式部日記』と『源氏物語』を読み解き、平安時代の宮廷社会の文化・習慣・ものの見方に触れます。</t>
    <rPh sb="1" eb="4">
      <t>ムラサキシキブ</t>
    </rPh>
    <rPh sb="4" eb="6">
      <t>ニッキ</t>
    </rPh>
    <rPh sb="9" eb="13">
      <t>ゲンジモノガタリ</t>
    </rPh>
    <rPh sb="15" eb="16">
      <t>ヨ</t>
    </rPh>
    <rPh sb="17" eb="18">
      <t>ト</t>
    </rPh>
    <rPh sb="20" eb="22">
      <t>ヘイアン</t>
    </rPh>
    <rPh sb="22" eb="24">
      <t>ジダイ</t>
    </rPh>
    <rPh sb="25" eb="27">
      <t>キュウテイ</t>
    </rPh>
    <rPh sb="27" eb="29">
      <t>シャカイ</t>
    </rPh>
    <rPh sb="30" eb="32">
      <t>ブンカ</t>
    </rPh>
    <rPh sb="33" eb="35">
      <t>シュウカン</t>
    </rPh>
    <rPh sb="39" eb="41">
      <t>ミカタ</t>
    </rPh>
    <rPh sb="42" eb="43">
      <t>フ</t>
    </rPh>
    <phoneticPr fontId="2"/>
  </si>
  <si>
    <t>茅ヶ崎市立鶴嶺公民館、
オンライン</t>
    <rPh sb="0" eb="4">
      <t>チガサキシ</t>
    </rPh>
    <rPh sb="4" eb="5">
      <t>リツ</t>
    </rPh>
    <rPh sb="5" eb="7">
      <t>ツルミネ</t>
    </rPh>
    <rPh sb="7" eb="10">
      <t>コウミンカン</t>
    </rPh>
    <phoneticPr fontId="2"/>
  </si>
  <si>
    <t>神奈川中央交通　辻東</t>
    <rPh sb="0" eb="3">
      <t>カナガワ</t>
    </rPh>
    <rPh sb="3" eb="5">
      <t>チュウオウ</t>
    </rPh>
    <rPh sb="5" eb="7">
      <t>コウツウ</t>
    </rPh>
    <rPh sb="8" eb="9">
      <t>ツジ</t>
    </rPh>
    <rPh sb="9" eb="10">
      <t>ヒガシ</t>
    </rPh>
    <phoneticPr fontId="2"/>
  </si>
  <si>
    <t>茅ヶ崎市立鶴嶺公民館</t>
    <rPh sb="0" eb="4">
      <t>チガサキシ</t>
    </rPh>
    <rPh sb="4" eb="5">
      <t>リツ</t>
    </rPh>
    <rPh sb="5" eb="7">
      <t>ツルミネ</t>
    </rPh>
    <rPh sb="7" eb="10">
      <t>コウミンカン</t>
    </rPh>
    <phoneticPr fontId="2"/>
  </si>
  <si>
    <t>どなたでも
（市内在住・在勤・在学の方優先）</t>
    <rPh sb="7" eb="9">
      <t>シナイ</t>
    </rPh>
    <rPh sb="9" eb="11">
      <t>ザイジュウ</t>
    </rPh>
    <rPh sb="12" eb="14">
      <t>ザイキン</t>
    </rPh>
    <rPh sb="15" eb="17">
      <t>ザイガク</t>
    </rPh>
    <rPh sb="18" eb="19">
      <t>カタ</t>
    </rPh>
    <rPh sb="19" eb="21">
      <t>ユウセン</t>
    </rPh>
    <phoneticPr fontId="2"/>
  </si>
  <si>
    <t>茅ヶ崎市立鶴嶺公民館</t>
    <rPh sb="0" eb="4">
      <t>チガサキシ</t>
    </rPh>
    <rPh sb="4" eb="5">
      <t>リツ</t>
    </rPh>
    <rPh sb="5" eb="10">
      <t>ツルミネコウミンカン</t>
    </rPh>
    <phoneticPr fontId="2"/>
  </si>
  <si>
    <t>子育て応援プログラム
「家族が喜ぶお菓子作り」</t>
    <rPh sb="0" eb="2">
      <t>コソダ</t>
    </rPh>
    <rPh sb="3" eb="5">
      <t>オウエン</t>
    </rPh>
    <phoneticPr fontId="2"/>
  </si>
  <si>
    <t>子育てに奮闘するパパやママの交流の場です。お菓子を作ってリフレッシュしましょう。（託児付き）</t>
    <rPh sb="0" eb="2">
      <t>コソダ</t>
    </rPh>
    <rPh sb="4" eb="6">
      <t>フントウ</t>
    </rPh>
    <rPh sb="14" eb="16">
      <t>コウリュウ</t>
    </rPh>
    <rPh sb="17" eb="18">
      <t>バ</t>
    </rPh>
    <rPh sb="22" eb="24">
      <t>カシ</t>
    </rPh>
    <rPh sb="25" eb="26">
      <t>ツク</t>
    </rPh>
    <rPh sb="41" eb="43">
      <t>タクジ</t>
    </rPh>
    <rPh sb="43" eb="44">
      <t>ツ</t>
    </rPh>
    <phoneticPr fontId="2"/>
  </si>
  <si>
    <t>子育て中の親
（市内在住・在勤の方優先）</t>
    <rPh sb="0" eb="2">
      <t>コソダ</t>
    </rPh>
    <rPh sb="3" eb="4">
      <t>チュウ</t>
    </rPh>
    <rPh sb="5" eb="6">
      <t>オヤ</t>
    </rPh>
    <rPh sb="8" eb="10">
      <t>シナイ</t>
    </rPh>
    <rPh sb="10" eb="12">
      <t>ザイジュウ</t>
    </rPh>
    <rPh sb="13" eb="15">
      <t>ザイキン</t>
    </rPh>
    <rPh sb="16" eb="17">
      <t>カタ</t>
    </rPh>
    <rPh sb="17" eb="19">
      <t>ユウセン</t>
    </rPh>
    <phoneticPr fontId="2"/>
  </si>
  <si>
    <t>親子で秋の自然観察</t>
    <rPh sb="0" eb="2">
      <t>オヤコ</t>
    </rPh>
    <rPh sb="3" eb="4">
      <t>アキ</t>
    </rPh>
    <rPh sb="5" eb="7">
      <t>シゼン</t>
    </rPh>
    <rPh sb="7" eb="9">
      <t>カンサツ</t>
    </rPh>
    <phoneticPr fontId="2"/>
  </si>
  <si>
    <t>生きものを観察し、講師が解説をします。（雨天中止）</t>
    <rPh sb="0" eb="1">
      <t>イ</t>
    </rPh>
    <rPh sb="5" eb="7">
      <t>カンサツ</t>
    </rPh>
    <rPh sb="9" eb="11">
      <t>コウシ</t>
    </rPh>
    <rPh sb="12" eb="14">
      <t>カイセツ</t>
    </rPh>
    <rPh sb="20" eb="22">
      <t>ウテン</t>
    </rPh>
    <rPh sb="22" eb="24">
      <t>チュウシ</t>
    </rPh>
    <phoneticPr fontId="2"/>
  </si>
  <si>
    <t>高麗山公園（湘南平、浅間山）</t>
    <rPh sb="0" eb="2">
      <t>コウライ</t>
    </rPh>
    <rPh sb="2" eb="3">
      <t>ヤマ</t>
    </rPh>
    <rPh sb="3" eb="5">
      <t>コウエン</t>
    </rPh>
    <rPh sb="6" eb="8">
      <t>ショウナン</t>
    </rPh>
    <rPh sb="8" eb="9">
      <t>ダイラ</t>
    </rPh>
    <rPh sb="10" eb="12">
      <t>アサマ</t>
    </rPh>
    <rPh sb="12" eb="13">
      <t>ヤマ</t>
    </rPh>
    <phoneticPr fontId="2"/>
  </si>
  <si>
    <t>神奈川中央交通　湘南平</t>
    <rPh sb="0" eb="3">
      <t>カナガワ</t>
    </rPh>
    <rPh sb="3" eb="5">
      <t>チュウオウ</t>
    </rPh>
    <rPh sb="5" eb="7">
      <t>コウツウ</t>
    </rPh>
    <rPh sb="8" eb="10">
      <t>ショウナン</t>
    </rPh>
    <rPh sb="10" eb="11">
      <t>ダイラ</t>
    </rPh>
    <phoneticPr fontId="2"/>
  </si>
  <si>
    <t>小学生と保護者
（市内在住・在学の小学生優先）</t>
    <rPh sb="0" eb="3">
      <t>ショウガクセイ</t>
    </rPh>
    <rPh sb="4" eb="7">
      <t>ホゴシャ</t>
    </rPh>
    <rPh sb="9" eb="11">
      <t>シナイ</t>
    </rPh>
    <rPh sb="11" eb="13">
      <t>ザイジュウ</t>
    </rPh>
    <rPh sb="14" eb="16">
      <t>ザイガク</t>
    </rPh>
    <rPh sb="17" eb="20">
      <t>ショウガクセイ</t>
    </rPh>
    <rPh sb="20" eb="22">
      <t>ユウセン</t>
    </rPh>
    <phoneticPr fontId="2"/>
  </si>
  <si>
    <t>茅ヶ崎市</t>
    <rPh sb="0" eb="4">
      <t>チガサキシ</t>
    </rPh>
    <phoneticPr fontId="2"/>
  </si>
  <si>
    <t>国際交流講座「知ってみたいな世界の料理～リトアニア編～」</t>
    <rPh sb="0" eb="2">
      <t>コクサイ</t>
    </rPh>
    <rPh sb="2" eb="4">
      <t>コウリュウ</t>
    </rPh>
    <rPh sb="4" eb="6">
      <t>コウザ</t>
    </rPh>
    <rPh sb="7" eb="8">
      <t>シ</t>
    </rPh>
    <rPh sb="14" eb="16">
      <t>セカイ</t>
    </rPh>
    <rPh sb="17" eb="19">
      <t>リョウリ</t>
    </rPh>
    <rPh sb="25" eb="26">
      <t>ヘン</t>
    </rPh>
    <phoneticPr fontId="2"/>
  </si>
  <si>
    <t>リトアニア出身の講師と一緒にリトアニア郷土料理を作り、文化や習慣を学びます。</t>
    <rPh sb="5" eb="7">
      <t>シュッシン</t>
    </rPh>
    <rPh sb="8" eb="10">
      <t>コウシ</t>
    </rPh>
    <rPh sb="11" eb="13">
      <t>イッショ</t>
    </rPh>
    <rPh sb="19" eb="21">
      <t>キョウド</t>
    </rPh>
    <rPh sb="21" eb="23">
      <t>リョウリ</t>
    </rPh>
    <rPh sb="24" eb="25">
      <t>ツク</t>
    </rPh>
    <rPh sb="27" eb="29">
      <t>ブンカ</t>
    </rPh>
    <rPh sb="30" eb="32">
      <t>シュウカン</t>
    </rPh>
    <rPh sb="33" eb="34">
      <t>マナ</t>
    </rPh>
    <phoneticPr fontId="2"/>
  </si>
  <si>
    <t>高校生以上</t>
    <rPh sb="0" eb="3">
      <t>コウコウセイ</t>
    </rPh>
    <rPh sb="3" eb="5">
      <t>イジョウ</t>
    </rPh>
    <phoneticPr fontId="2"/>
  </si>
  <si>
    <t>まんだら堂やぐら群限定公開</t>
    <phoneticPr fontId="2"/>
  </si>
  <si>
    <t>鎌倉地域でも有数の規模を誇るやぐら群　（中世の横穴式の納骨・供養堂）を期間限定で公開します。</t>
    <phoneticPr fontId="2"/>
  </si>
  <si>
    <t>国指定史跡　名越切通（逗子市小坪7丁目）</t>
  </si>
  <si>
    <t>緑ヶ丘入口、亀が岡団地北ﾊﾞｽ停</t>
  </si>
  <si>
    <t>逗子市教育委員会</t>
    <phoneticPr fontId="2"/>
  </si>
  <si>
    <t>逗子市教育委員会　教育部 社会教育課　</t>
    <phoneticPr fontId="2"/>
  </si>
  <si>
    <t>https://www.city.zushi.kanagawa.jp/shiminkatsudo/bunkazai/1004537/1007768.html</t>
    <phoneticPr fontId="2"/>
  </si>
  <si>
    <t>いきいき体操教室</t>
    <rPh sb="4" eb="8">
      <t>タイソウキョウシツ</t>
    </rPh>
    <phoneticPr fontId="2"/>
  </si>
  <si>
    <t>椅子やマットなどを使ってストレッチを中心とした体操を学び、健康維持につとめます。</t>
    <rPh sb="0" eb="2">
      <t>イス</t>
    </rPh>
    <rPh sb="9" eb="10">
      <t>ツカ</t>
    </rPh>
    <rPh sb="18" eb="20">
      <t>チュウシン</t>
    </rPh>
    <rPh sb="23" eb="25">
      <t>タイソウ</t>
    </rPh>
    <rPh sb="26" eb="27">
      <t>マナ</t>
    </rPh>
    <rPh sb="29" eb="31">
      <t>ケンコウ</t>
    </rPh>
    <rPh sb="31" eb="33">
      <t>イジ</t>
    </rPh>
    <phoneticPr fontId="2"/>
  </si>
  <si>
    <t>初声市民センター</t>
    <rPh sb="0" eb="4">
      <t>ハッセシミン</t>
    </rPh>
    <phoneticPr fontId="2"/>
  </si>
  <si>
    <t>最寄駅
三崎口</t>
    <rPh sb="0" eb="3">
      <t>モヨリエキ</t>
    </rPh>
    <rPh sb="4" eb="7">
      <t>ミサキグチ</t>
    </rPh>
    <phoneticPr fontId="2"/>
  </si>
  <si>
    <t>三浦市社会教育実行委員会</t>
    <rPh sb="0" eb="3">
      <t>ミウラシ</t>
    </rPh>
    <rPh sb="3" eb="7">
      <t>シャカイキョウイク</t>
    </rPh>
    <rPh sb="7" eb="12">
      <t>ジッコウイインカイ</t>
    </rPh>
    <phoneticPr fontId="2"/>
  </si>
  <si>
    <t>一般の方
在住・在勤の方</t>
    <rPh sb="0" eb="2">
      <t>イッパン</t>
    </rPh>
    <rPh sb="3" eb="4">
      <t>カタ</t>
    </rPh>
    <rPh sb="5" eb="7">
      <t>ザイジュウ</t>
    </rPh>
    <rPh sb="8" eb="10">
      <t>ザイキン</t>
    </rPh>
    <rPh sb="11" eb="12">
      <t>カタ</t>
    </rPh>
    <phoneticPr fontId="2"/>
  </si>
  <si>
    <t>三浦市初声市民センター</t>
    <rPh sb="0" eb="3">
      <t>ミウラシ</t>
    </rPh>
    <rPh sb="3" eb="7">
      <t>ハッセシミン</t>
    </rPh>
    <phoneticPr fontId="2"/>
  </si>
  <si>
    <t>http://www.city.miura.kanagawa.jp/shimin-index.html</t>
  </si>
  <si>
    <t>ズンバ体験</t>
    <rPh sb="3" eb="5">
      <t>タイケン</t>
    </rPh>
    <phoneticPr fontId="2"/>
  </si>
  <si>
    <t>アップテンポの曲に合わせて見よう見まねで踊るダンスフィットネスで、楽しい雰囲気で有酸素運動ができます。</t>
    <rPh sb="7" eb="8">
      <t>キョク</t>
    </rPh>
    <rPh sb="9" eb="10">
      <t>ア</t>
    </rPh>
    <rPh sb="13" eb="14">
      <t>ミ</t>
    </rPh>
    <rPh sb="16" eb="17">
      <t>ミ</t>
    </rPh>
    <rPh sb="20" eb="21">
      <t>オド</t>
    </rPh>
    <rPh sb="33" eb="34">
      <t>タノ</t>
    </rPh>
    <rPh sb="36" eb="39">
      <t>フンイキ</t>
    </rPh>
    <rPh sb="40" eb="45">
      <t>ユウサンソウンドウ</t>
    </rPh>
    <phoneticPr fontId="2"/>
  </si>
  <si>
    <t>大和市</t>
    <rPh sb="0" eb="3">
      <t>ヤマトシ</t>
    </rPh>
    <phoneticPr fontId="2"/>
  </si>
  <si>
    <t>やまと芸術祭一般公募展＜芸術部門＞</t>
    <rPh sb="3" eb="6">
      <t>ゲイジュツサイ</t>
    </rPh>
    <rPh sb="6" eb="8">
      <t>イッパン</t>
    </rPh>
    <rPh sb="8" eb="10">
      <t>コウボ</t>
    </rPh>
    <rPh sb="10" eb="11">
      <t>テン</t>
    </rPh>
    <rPh sb="12" eb="14">
      <t>ゲイジュツ</t>
    </rPh>
    <rPh sb="14" eb="16">
      <t>ブモン</t>
    </rPh>
    <phoneticPr fontId="2"/>
  </si>
  <si>
    <t>市民による絵画・書道・写真の作品展示会です。</t>
    <phoneticPr fontId="2"/>
  </si>
  <si>
    <t>大和市文化創造拠点シリウス１階ギャラリー</t>
    <phoneticPr fontId="2"/>
  </si>
  <si>
    <t>大和駅</t>
    <phoneticPr fontId="2"/>
  </si>
  <si>
    <t>大和市文化振興課</t>
    <phoneticPr fontId="2"/>
  </si>
  <si>
    <t xml:space="preserve">https://www.city.yamato.lg.jp/gyosei/soshik/2017/bunka_geijutsu/bunka_geizyutu_zigyou/4088.html
</t>
    <phoneticPr fontId="2"/>
  </si>
  <si>
    <t>つる舞の里歴史資料館特別展
「やまと昭和史　－交通の発達と戦争」（仮）」</t>
    <rPh sb="2" eb="3">
      <t>マイ</t>
    </rPh>
    <rPh sb="4" eb="5">
      <t>サト</t>
    </rPh>
    <rPh sb="5" eb="10">
      <t>レキシシリョウカン</t>
    </rPh>
    <rPh sb="10" eb="13">
      <t>トクベツテン</t>
    </rPh>
    <rPh sb="18" eb="21">
      <t>ショウワシ</t>
    </rPh>
    <rPh sb="23" eb="25">
      <t>コウツウ</t>
    </rPh>
    <rPh sb="26" eb="28">
      <t>ハッタツ</t>
    </rPh>
    <rPh sb="29" eb="31">
      <t>センソウ</t>
    </rPh>
    <rPh sb="33" eb="34">
      <t>カリ</t>
    </rPh>
    <phoneticPr fontId="2"/>
  </si>
  <si>
    <t>昭和100年の節目の年を記念して、昭和期に起こった、市域の歴史の転換点となった出来事を振り返り、現在私たちが暮らす街の成り立ちについて考える企画展示。</t>
    <phoneticPr fontId="2"/>
  </si>
  <si>
    <t>大和市文化創造拠点シリウス　1階ギャラリー</t>
    <rPh sb="0" eb="3">
      <t>ヤマトシ</t>
    </rPh>
    <rPh sb="3" eb="9">
      <t>ブンカソウゾウキョテン</t>
    </rPh>
    <rPh sb="15" eb="16">
      <t>カイ</t>
    </rPh>
    <phoneticPr fontId="2"/>
  </si>
  <si>
    <t>大和駅</t>
    <rPh sb="0" eb="3">
      <t>ヤマトエキ</t>
    </rPh>
    <phoneticPr fontId="2"/>
  </si>
  <si>
    <t>大和市文化振興課
つる舞の里歴史資料館</t>
    <rPh sb="0" eb="3">
      <t>ヤマトシ</t>
    </rPh>
    <rPh sb="3" eb="8">
      <t>ブンカシンコウカ</t>
    </rPh>
    <rPh sb="11" eb="12">
      <t>マイ</t>
    </rPh>
    <rPh sb="13" eb="19">
      <t>サトレキシシリョウカン</t>
    </rPh>
    <phoneticPr fontId="2"/>
  </si>
  <si>
    <t>https://www.city.yamato.lg.jp/gyosei/bunka_sports/bunka_geijutsu/rekishi_bunkazai/tsurumainosatorekishishiryokan/11843.html</t>
  </si>
  <si>
    <t>大和市</t>
    <phoneticPr fontId="2"/>
  </si>
  <si>
    <t>つる舞の里歴史資料館企画展
「昭和のつきみ野（仮）」</t>
    <rPh sb="2" eb="3">
      <t>マイ</t>
    </rPh>
    <rPh sb="4" eb="10">
      <t>サトレキシシリョウカン</t>
    </rPh>
    <rPh sb="10" eb="13">
      <t>キカクテン</t>
    </rPh>
    <rPh sb="15" eb="17">
      <t>ショウワ</t>
    </rPh>
    <rPh sb="21" eb="22">
      <t>ノ</t>
    </rPh>
    <rPh sb="23" eb="24">
      <t>カリ</t>
    </rPh>
    <phoneticPr fontId="2"/>
  </si>
  <si>
    <t>昭和100年の節目の年を記念して、昭和期に開発の進んだつきみ野地区の歴史を振り返る。</t>
    <rPh sb="17" eb="19">
      <t>ショウワ</t>
    </rPh>
    <rPh sb="19" eb="20">
      <t>キ</t>
    </rPh>
    <rPh sb="21" eb="23">
      <t>カイハツ</t>
    </rPh>
    <rPh sb="24" eb="25">
      <t>スス</t>
    </rPh>
    <rPh sb="30" eb="33">
      <t>ノチク</t>
    </rPh>
    <rPh sb="34" eb="36">
      <t>レキシ</t>
    </rPh>
    <rPh sb="37" eb="38">
      <t>フ</t>
    </rPh>
    <rPh sb="39" eb="40">
      <t>カエ</t>
    </rPh>
    <phoneticPr fontId="2"/>
  </si>
  <si>
    <t>大和市つる舞の里歴史資料館</t>
    <rPh sb="0" eb="3">
      <t>ヤマトシ</t>
    </rPh>
    <rPh sb="5" eb="6">
      <t>マイ</t>
    </rPh>
    <rPh sb="7" eb="13">
      <t>サトレキシシリョウカン</t>
    </rPh>
    <phoneticPr fontId="2"/>
  </si>
  <si>
    <t>つきみ野駅</t>
    <rPh sb="3" eb="5">
      <t>ノエキ</t>
    </rPh>
    <phoneticPr fontId="2"/>
  </si>
  <si>
    <t>映画「掘る女　縄文人の落とし物」上映会</t>
    <rPh sb="0" eb="2">
      <t>エイガ</t>
    </rPh>
    <rPh sb="3" eb="4">
      <t>ホ</t>
    </rPh>
    <rPh sb="5" eb="6">
      <t>オンナ</t>
    </rPh>
    <rPh sb="7" eb="10">
      <t>ジョウモンジン</t>
    </rPh>
    <rPh sb="11" eb="12">
      <t>オ</t>
    </rPh>
    <rPh sb="14" eb="15">
      <t>モノ</t>
    </rPh>
    <rPh sb="16" eb="19">
      <t>ジョウエイカイ</t>
    </rPh>
    <phoneticPr fontId="2"/>
  </si>
  <si>
    <t>考古学の発掘ドキュメンタリー映画「掘る女　縄文人の落とし物」の上映会と、トークセッション「大和市の発掘調査の思い出（仮）」を実施する。</t>
    <rPh sb="0" eb="3">
      <t>コウコガク</t>
    </rPh>
    <rPh sb="4" eb="6">
      <t>ハックツ</t>
    </rPh>
    <rPh sb="14" eb="16">
      <t>エイガ</t>
    </rPh>
    <rPh sb="17" eb="18">
      <t>ホ</t>
    </rPh>
    <rPh sb="19" eb="20">
      <t>オンナ</t>
    </rPh>
    <rPh sb="21" eb="24">
      <t>ジョウモンジン</t>
    </rPh>
    <rPh sb="25" eb="26">
      <t>オ</t>
    </rPh>
    <rPh sb="28" eb="29">
      <t>モノ</t>
    </rPh>
    <rPh sb="31" eb="34">
      <t>ジョウエイカイ</t>
    </rPh>
    <rPh sb="45" eb="48">
      <t>ヤマトシ</t>
    </rPh>
    <rPh sb="49" eb="53">
      <t>ハックツチョウサ</t>
    </rPh>
    <rPh sb="54" eb="55">
      <t>オモ</t>
    </rPh>
    <rPh sb="56" eb="57">
      <t>デ</t>
    </rPh>
    <rPh sb="58" eb="59">
      <t>カリ</t>
    </rPh>
    <rPh sb="62" eb="64">
      <t>ジッシ</t>
    </rPh>
    <phoneticPr fontId="2"/>
  </si>
  <si>
    <t>大和市文化創造拠点シリウス</t>
    <rPh sb="0" eb="3">
      <t>ヤマトシ</t>
    </rPh>
    <rPh sb="3" eb="9">
      <t>ブンカソウゾウキョテン</t>
    </rPh>
    <phoneticPr fontId="2"/>
  </si>
  <si>
    <t>天井プラネタリウム</t>
    <rPh sb="0" eb="2">
      <t>テンジョウ</t>
    </rPh>
    <phoneticPr fontId="2"/>
  </si>
  <si>
    <t>サニープレイス座間１階の活動室天井にプラネタリウムを投影し、天候に関わらず星座や天体などを学びます。</t>
    <rPh sb="7" eb="9">
      <t>ザマ</t>
    </rPh>
    <rPh sb="10" eb="11">
      <t>カイ</t>
    </rPh>
    <rPh sb="12" eb="14">
      <t>カツドウ</t>
    </rPh>
    <rPh sb="14" eb="15">
      <t>シツ</t>
    </rPh>
    <rPh sb="15" eb="17">
      <t>テンジョウ</t>
    </rPh>
    <rPh sb="26" eb="28">
      <t>トウエイ</t>
    </rPh>
    <rPh sb="30" eb="32">
      <t>テンコウ</t>
    </rPh>
    <rPh sb="33" eb="34">
      <t>カカ</t>
    </rPh>
    <rPh sb="37" eb="39">
      <t>セイザ</t>
    </rPh>
    <rPh sb="40" eb="42">
      <t>テンタイ</t>
    </rPh>
    <rPh sb="45" eb="46">
      <t>マナ</t>
    </rPh>
    <phoneticPr fontId="2"/>
  </si>
  <si>
    <t>サニープレイス座間</t>
    <rPh sb="7" eb="9">
      <t>ザマ</t>
    </rPh>
    <phoneticPr fontId="2"/>
  </si>
  <si>
    <t>相武台前駅</t>
    <rPh sb="0" eb="3">
      <t>ソウブダイ</t>
    </rPh>
    <rPh sb="3" eb="4">
      <t>マエ</t>
    </rPh>
    <rPh sb="4" eb="5">
      <t>エキ</t>
    </rPh>
    <phoneticPr fontId="2"/>
  </si>
  <si>
    <t>座間市こども未来部こども育成課</t>
    <rPh sb="0" eb="3">
      <t>ザマシ</t>
    </rPh>
    <rPh sb="6" eb="8">
      <t>ミライ</t>
    </rPh>
    <rPh sb="8" eb="9">
      <t>ブ</t>
    </rPh>
    <rPh sb="12" eb="14">
      <t>イクセイ</t>
    </rPh>
    <rPh sb="14" eb="15">
      <t>カ</t>
    </rPh>
    <phoneticPr fontId="2"/>
  </si>
  <si>
    <t>座間市在住の小学生</t>
    <rPh sb="0" eb="3">
      <t>ザマシ</t>
    </rPh>
    <rPh sb="3" eb="5">
      <t>ザイジュウ</t>
    </rPh>
    <rPh sb="6" eb="9">
      <t>ショウガクセイ</t>
    </rPh>
    <phoneticPr fontId="2"/>
  </si>
  <si>
    <t>座間市こども未来部こども育成課青少年健全係</t>
    <rPh sb="0" eb="3">
      <t>ザマシ</t>
    </rPh>
    <rPh sb="6" eb="8">
      <t>ミライ</t>
    </rPh>
    <rPh sb="8" eb="9">
      <t>ブ</t>
    </rPh>
    <rPh sb="12" eb="14">
      <t>イクセイ</t>
    </rPh>
    <rPh sb="14" eb="15">
      <t>カ</t>
    </rPh>
    <rPh sb="15" eb="21">
      <t>セイショウネンケンゼンカカリ</t>
    </rPh>
    <phoneticPr fontId="2"/>
  </si>
  <si>
    <t>座間市</t>
    <rPh sb="0" eb="3">
      <t>ザマシ</t>
    </rPh>
    <phoneticPr fontId="2"/>
  </si>
  <si>
    <t>ニュースポーツ教室</t>
    <rPh sb="7" eb="9">
      <t>キョウシツ</t>
    </rPh>
    <phoneticPr fontId="2"/>
  </si>
  <si>
    <t>小学生以上を対象としたニュースポーツの教室を開催します。ファミリーバドミントンやソフトバレーボール、バウンスボール等を行い、生涯スポーツの推進を図ります。</t>
    <rPh sb="0" eb="3">
      <t>ショウガクセイ</t>
    </rPh>
    <rPh sb="3" eb="5">
      <t>イジョウ</t>
    </rPh>
    <rPh sb="6" eb="8">
      <t>タイショウ</t>
    </rPh>
    <rPh sb="19" eb="21">
      <t>キョウシツ</t>
    </rPh>
    <rPh sb="22" eb="24">
      <t>カイサイ</t>
    </rPh>
    <rPh sb="57" eb="58">
      <t>トウ</t>
    </rPh>
    <rPh sb="59" eb="60">
      <t>オコナ</t>
    </rPh>
    <rPh sb="62" eb="64">
      <t>ショウガイ</t>
    </rPh>
    <rPh sb="69" eb="71">
      <t>スイシン</t>
    </rPh>
    <rPh sb="72" eb="73">
      <t>ハカ</t>
    </rPh>
    <phoneticPr fontId="2"/>
  </si>
  <si>
    <t>2025/10/4</t>
  </si>
  <si>
    <t>座間市立市民体育館</t>
    <rPh sb="0" eb="2">
      <t>ザマ</t>
    </rPh>
    <rPh sb="2" eb="4">
      <t>シリツ</t>
    </rPh>
    <rPh sb="4" eb="6">
      <t>シミン</t>
    </rPh>
    <rPh sb="6" eb="9">
      <t>タイイクカン</t>
    </rPh>
    <phoneticPr fontId="2"/>
  </si>
  <si>
    <t>最寄り駅
相武台前駅</t>
    <rPh sb="0" eb="2">
      <t>モヨ</t>
    </rPh>
    <rPh sb="3" eb="4">
      <t>エキ</t>
    </rPh>
    <rPh sb="5" eb="8">
      <t>ソウブダイ</t>
    </rPh>
    <rPh sb="8" eb="9">
      <t>マエ</t>
    </rPh>
    <rPh sb="9" eb="10">
      <t>エキ</t>
    </rPh>
    <phoneticPr fontId="2"/>
  </si>
  <si>
    <t>市町村機関</t>
  </si>
  <si>
    <t>小学生以上（小学年生は大人同伴）</t>
    <rPh sb="0" eb="3">
      <t>ショウガクセイ</t>
    </rPh>
    <rPh sb="3" eb="5">
      <t>イジョウ</t>
    </rPh>
    <rPh sb="6" eb="8">
      <t>ショウガク</t>
    </rPh>
    <rPh sb="8" eb="9">
      <t>ネン</t>
    </rPh>
    <rPh sb="9" eb="10">
      <t>セイ</t>
    </rPh>
    <rPh sb="11" eb="13">
      <t>オトナ</t>
    </rPh>
    <rPh sb="13" eb="15">
      <t>ドウハン</t>
    </rPh>
    <phoneticPr fontId="2"/>
  </si>
  <si>
    <t>座間市健康部スポーツ課スポーツ係</t>
    <rPh sb="0" eb="3">
      <t>ザマシ</t>
    </rPh>
    <rPh sb="3" eb="5">
      <t>ケンコウ</t>
    </rPh>
    <rPh sb="5" eb="6">
      <t>ブ</t>
    </rPh>
    <rPh sb="10" eb="11">
      <t>カ</t>
    </rPh>
    <rPh sb="15" eb="16">
      <t>カカリ</t>
    </rPh>
    <phoneticPr fontId="2"/>
  </si>
  <si>
    <t>親子サッカー教室</t>
    <rPh sb="0" eb="2">
      <t>オヤコ</t>
    </rPh>
    <rPh sb="6" eb="8">
      <t>キョウシツ</t>
    </rPh>
    <phoneticPr fontId="2"/>
  </si>
  <si>
    <t>親子で一緒にボールを蹴ることを通じてスポーツに親しむきっかけを作るとともに、サッカーの楽しさを学ぶことで、サッカーを続ける方を増やすことを目的として開催します。</t>
    <rPh sb="15" eb="16">
      <t>ツウ</t>
    </rPh>
    <rPh sb="23" eb="24">
      <t>シタ</t>
    </rPh>
    <rPh sb="31" eb="32">
      <t>ツク</t>
    </rPh>
    <rPh sb="43" eb="44">
      <t>タノ</t>
    </rPh>
    <rPh sb="47" eb="48">
      <t>マナ</t>
    </rPh>
    <rPh sb="58" eb="59">
      <t>ツヅ</t>
    </rPh>
    <rPh sb="61" eb="62">
      <t>カタ</t>
    </rPh>
    <rPh sb="63" eb="64">
      <t>フ</t>
    </rPh>
    <rPh sb="69" eb="71">
      <t>モクテキ</t>
    </rPh>
    <rPh sb="74" eb="76">
      <t>カイサイ</t>
    </rPh>
    <phoneticPr fontId="2"/>
  </si>
  <si>
    <t>大坂台公園（多目的広場）</t>
    <rPh sb="0" eb="2">
      <t>オオサカ</t>
    </rPh>
    <rPh sb="2" eb="3">
      <t>ダイ</t>
    </rPh>
    <rPh sb="3" eb="5">
      <t>コウエン</t>
    </rPh>
    <rPh sb="6" eb="9">
      <t>タモクテキ</t>
    </rPh>
    <rPh sb="9" eb="11">
      <t>ヒロバ</t>
    </rPh>
    <phoneticPr fontId="2"/>
  </si>
  <si>
    <t>座間市在住で、小学１～２年の児童を含む親子</t>
    <rPh sb="0" eb="3">
      <t>ザマシ</t>
    </rPh>
    <rPh sb="3" eb="5">
      <t>ザイジュウ</t>
    </rPh>
    <rPh sb="7" eb="9">
      <t>ショウガク</t>
    </rPh>
    <rPh sb="12" eb="13">
      <t>ネン</t>
    </rPh>
    <rPh sb="14" eb="16">
      <t>ジドウ</t>
    </rPh>
    <rPh sb="17" eb="18">
      <t>フク</t>
    </rPh>
    <rPh sb="19" eb="21">
      <t>オヤコ</t>
    </rPh>
    <phoneticPr fontId="2"/>
  </si>
  <si>
    <t>ニューフィールドゲーム</t>
  </si>
  <si>
    <t>気軽に参加できるスポーツや秋の植物を使った遊びを通して、市民の健康・体力づくりを推進することを目的として開催します。</t>
    <rPh sb="0" eb="2">
      <t>キガル</t>
    </rPh>
    <rPh sb="3" eb="5">
      <t>サンカ</t>
    </rPh>
    <rPh sb="13" eb="14">
      <t>アキ</t>
    </rPh>
    <rPh sb="15" eb="17">
      <t>ショクブツ</t>
    </rPh>
    <rPh sb="18" eb="19">
      <t>ツカ</t>
    </rPh>
    <rPh sb="21" eb="22">
      <t>アソ</t>
    </rPh>
    <rPh sb="24" eb="25">
      <t>トオ</t>
    </rPh>
    <rPh sb="28" eb="30">
      <t>シミン</t>
    </rPh>
    <rPh sb="31" eb="33">
      <t>ケンコウ</t>
    </rPh>
    <rPh sb="34" eb="36">
      <t>タイリョク</t>
    </rPh>
    <rPh sb="40" eb="42">
      <t>スイシン</t>
    </rPh>
    <rPh sb="47" eb="49">
      <t>モクテキ</t>
    </rPh>
    <rPh sb="52" eb="54">
      <t>カイサイ</t>
    </rPh>
    <phoneticPr fontId="2"/>
  </si>
  <si>
    <t>芹沢公園（芝生広場）</t>
    <rPh sb="0" eb="4">
      <t>セリザワコウエン</t>
    </rPh>
    <rPh sb="5" eb="7">
      <t>シバフ</t>
    </rPh>
    <rPh sb="7" eb="9">
      <t>ヒロバ</t>
    </rPh>
    <phoneticPr fontId="2"/>
  </si>
  <si>
    <t>小学生以上（小学年生未満は大人同伴）</t>
    <rPh sb="0" eb="3">
      <t>ショウガクセイ</t>
    </rPh>
    <rPh sb="3" eb="5">
      <t>イジョウ</t>
    </rPh>
    <rPh sb="6" eb="8">
      <t>ショウガク</t>
    </rPh>
    <rPh sb="8" eb="9">
      <t>ネン</t>
    </rPh>
    <rPh sb="9" eb="10">
      <t>セイ</t>
    </rPh>
    <rPh sb="10" eb="12">
      <t>ミマン</t>
    </rPh>
    <rPh sb="13" eb="15">
      <t>オトナ</t>
    </rPh>
    <rPh sb="15" eb="17">
      <t>ドウハン</t>
    </rPh>
    <phoneticPr fontId="2"/>
  </si>
  <si>
    <t>令和７年度家庭教育推進講座「子どもの元気を掘り起こす！～現代の暮らしと発達との関わりについて考える～」</t>
    <rPh sb="0" eb="2">
      <t>レイワ</t>
    </rPh>
    <rPh sb="3" eb="5">
      <t>ネンド</t>
    </rPh>
    <rPh sb="5" eb="13">
      <t>カテイキョウイクスイシンコウザ</t>
    </rPh>
    <phoneticPr fontId="2"/>
  </si>
  <si>
    <t>すべての教育の出発点である家庭教育に関する学習機会を提供するとともに、日常生活の中で学びを活かせるよう促し、家庭教育力の向上に資す。</t>
  </si>
  <si>
    <t>座間市役所</t>
    <rPh sb="0" eb="3">
      <t>ザマシ</t>
    </rPh>
    <rPh sb="3" eb="5">
      <t>ヤクショ</t>
    </rPh>
    <phoneticPr fontId="2"/>
  </si>
  <si>
    <t>相武台前駅</t>
    <rPh sb="0" eb="5">
      <t>ソウブダイマエエキ</t>
    </rPh>
    <phoneticPr fontId="2"/>
  </si>
  <si>
    <t>座間市教育委員会
教育部　生涯学習課</t>
    <rPh sb="0" eb="3">
      <t>ザマシ</t>
    </rPh>
    <rPh sb="3" eb="5">
      <t>キョウイク</t>
    </rPh>
    <rPh sb="5" eb="8">
      <t>イインカイ</t>
    </rPh>
    <rPh sb="9" eb="11">
      <t>キョウイク</t>
    </rPh>
    <rPh sb="11" eb="12">
      <t>ブ</t>
    </rPh>
    <rPh sb="13" eb="18">
      <t>ショウガイガクシュウカ</t>
    </rPh>
    <phoneticPr fontId="2"/>
  </si>
  <si>
    <t>未就学児の子どもの保護者を予定（市内在住・在勤者優先）</t>
    <rPh sb="0" eb="4">
      <t>ミシュウガクジ</t>
    </rPh>
    <rPh sb="5" eb="6">
      <t>コ</t>
    </rPh>
    <rPh sb="9" eb="12">
      <t>ホゴシャ</t>
    </rPh>
    <rPh sb="13" eb="15">
      <t>ヨテイ</t>
    </rPh>
    <rPh sb="16" eb="20">
      <t>シナイザイジュウ</t>
    </rPh>
    <rPh sb="21" eb="26">
      <t>ザイキンシャユウセン</t>
    </rPh>
    <phoneticPr fontId="2"/>
  </si>
  <si>
    <t>座間市教育委員会
教育部生涯学習課
生涯学習係</t>
    <rPh sb="0" eb="3">
      <t>ザマシ</t>
    </rPh>
    <rPh sb="3" eb="5">
      <t>キョウイク</t>
    </rPh>
    <rPh sb="5" eb="8">
      <t>イインカイ</t>
    </rPh>
    <rPh sb="9" eb="11">
      <t>キョウイク</t>
    </rPh>
    <rPh sb="11" eb="12">
      <t>ブ</t>
    </rPh>
    <rPh sb="12" eb="17">
      <t>ショウガイガクシュウカ</t>
    </rPh>
    <rPh sb="18" eb="20">
      <t>ショウガイ</t>
    </rPh>
    <rPh sb="20" eb="22">
      <t>ガクシュウ</t>
    </rPh>
    <rPh sb="22" eb="23">
      <t>カカリ</t>
    </rPh>
    <phoneticPr fontId="2"/>
  </si>
  <si>
    <t>令和７年度人権啓発講座兼生涯学習推進講座「子どもとともに未来をつくる人権教育」</t>
    <rPh sb="0" eb="2">
      <t>レイワ</t>
    </rPh>
    <rPh sb="3" eb="4">
      <t>ネン</t>
    </rPh>
    <rPh sb="4" eb="5">
      <t>ド</t>
    </rPh>
    <phoneticPr fontId="2"/>
  </si>
  <si>
    <t>生涯学習プランの基本理念である「いつでも　どこでも　だれでも学べ、　市民文化を創造できる　ざまをめざして」にのっとり、市民の一人ひとりが自身の人生をより豊かにするため、生涯学習を推進する。</t>
  </si>
  <si>
    <t>サニープレイス座間</t>
  </si>
  <si>
    <t>〇座間市教育委員会
教育部　生涯学習課
〇座間市
総合政策部　人権・男女共同参画課
〇座間市人権擁護委員会</t>
    <rPh sb="21" eb="24">
      <t>ザマシ</t>
    </rPh>
    <rPh sb="25" eb="27">
      <t>ソウゴウ</t>
    </rPh>
    <rPh sb="27" eb="29">
      <t>セイサク</t>
    </rPh>
    <rPh sb="29" eb="30">
      <t>ブ</t>
    </rPh>
    <rPh sb="31" eb="33">
      <t>ジンケン</t>
    </rPh>
    <rPh sb="34" eb="36">
      <t>ダンジョ</t>
    </rPh>
    <rPh sb="36" eb="38">
      <t>キョウドウ</t>
    </rPh>
    <rPh sb="38" eb="40">
      <t>サンカク</t>
    </rPh>
    <rPh sb="40" eb="41">
      <t>カ</t>
    </rPh>
    <phoneticPr fontId="2"/>
  </si>
  <si>
    <t>関心のある方（市内在住、在勤者優先）</t>
    <rPh sb="7" eb="8">
      <t>シ</t>
    </rPh>
    <phoneticPr fontId="2"/>
  </si>
  <si>
    <t>令和７年度座間市民芸術祭健康麻雀大会</t>
    <rPh sb="0" eb="2">
      <t>レイワ</t>
    </rPh>
    <rPh sb="3" eb="4">
      <t>ネン</t>
    </rPh>
    <rPh sb="4" eb="5">
      <t>ド</t>
    </rPh>
    <rPh sb="5" eb="7">
      <t>ザマ</t>
    </rPh>
    <rPh sb="7" eb="9">
      <t>シミン</t>
    </rPh>
    <rPh sb="9" eb="11">
      <t>ゲイジュツ</t>
    </rPh>
    <rPh sb="11" eb="12">
      <t>サイ</t>
    </rPh>
    <rPh sb="12" eb="14">
      <t>ケンコウ</t>
    </rPh>
    <rPh sb="14" eb="16">
      <t>マージャン</t>
    </rPh>
    <rPh sb="16" eb="18">
      <t>タイカイ</t>
    </rPh>
    <phoneticPr fontId="2"/>
  </si>
  <si>
    <t>シニア健康麻雀クラブ・座間が主管となり健康麻雀の大会を行います。</t>
    <rPh sb="3" eb="5">
      <t>ケンコウ</t>
    </rPh>
    <rPh sb="5" eb="7">
      <t>マージャン</t>
    </rPh>
    <rPh sb="11" eb="13">
      <t>ザマ</t>
    </rPh>
    <rPh sb="14" eb="16">
      <t>シュカン</t>
    </rPh>
    <rPh sb="19" eb="21">
      <t>ケンコウ</t>
    </rPh>
    <rPh sb="21" eb="23">
      <t>マージャン</t>
    </rPh>
    <rPh sb="24" eb="26">
      <t>タイカイ</t>
    </rPh>
    <rPh sb="27" eb="28">
      <t>オコナ</t>
    </rPh>
    <phoneticPr fontId="2"/>
  </si>
  <si>
    <t>座間市教育委員会
教育部　生涯学習課</t>
  </si>
  <si>
    <t>市内在住・在勤・在学者、市内で文化活動をしている方</t>
    <rPh sb="0" eb="2">
      <t>シナイ</t>
    </rPh>
    <rPh sb="2" eb="4">
      <t>ザイジュウ</t>
    </rPh>
    <rPh sb="5" eb="7">
      <t>ザイキン</t>
    </rPh>
    <rPh sb="8" eb="10">
      <t>ザイガク</t>
    </rPh>
    <rPh sb="10" eb="11">
      <t>シャ</t>
    </rPh>
    <rPh sb="12" eb="14">
      <t>シナイ</t>
    </rPh>
    <rPh sb="15" eb="17">
      <t>ブンカ</t>
    </rPh>
    <rPh sb="17" eb="19">
      <t>カツドウ</t>
    </rPh>
    <rPh sb="24" eb="25">
      <t>カタ</t>
    </rPh>
    <phoneticPr fontId="2"/>
  </si>
  <si>
    <t>座間市教育委員会教育部生涯学習課
文化係</t>
    <rPh sb="0" eb="3">
      <t>ザマシ</t>
    </rPh>
    <rPh sb="3" eb="5">
      <t>キョウイク</t>
    </rPh>
    <rPh sb="5" eb="8">
      <t>イインカイ</t>
    </rPh>
    <rPh sb="8" eb="10">
      <t>キョウイク</t>
    </rPh>
    <rPh sb="10" eb="11">
      <t>ブ</t>
    </rPh>
    <rPh sb="11" eb="16">
      <t>ショウガイガクシュウカ</t>
    </rPh>
    <rPh sb="17" eb="19">
      <t>ブンカ</t>
    </rPh>
    <rPh sb="19" eb="20">
      <t>カカリ</t>
    </rPh>
    <phoneticPr fontId="2"/>
  </si>
  <si>
    <t>令和７年度座間市民芸術祭民踊発表会</t>
    <rPh sb="0" eb="2">
      <t>レイワ</t>
    </rPh>
    <rPh sb="3" eb="4">
      <t>ネン</t>
    </rPh>
    <rPh sb="4" eb="5">
      <t>ド</t>
    </rPh>
    <rPh sb="5" eb="7">
      <t>ザマ</t>
    </rPh>
    <rPh sb="7" eb="9">
      <t>シミン</t>
    </rPh>
    <rPh sb="9" eb="11">
      <t>ゲイジュツ</t>
    </rPh>
    <rPh sb="11" eb="12">
      <t>サイ</t>
    </rPh>
    <rPh sb="12" eb="13">
      <t>ミン</t>
    </rPh>
    <rPh sb="13" eb="14">
      <t>ヨウ</t>
    </rPh>
    <rPh sb="14" eb="17">
      <t>ハッピョウカイ</t>
    </rPh>
    <phoneticPr fontId="2"/>
  </si>
  <si>
    <t>座間市民踊連盟による民踊の発表を行います。</t>
  </si>
  <si>
    <t>座間市公民館</t>
    <rPh sb="0" eb="3">
      <t>ザマシ</t>
    </rPh>
    <rPh sb="3" eb="6">
      <t>コウミンカン</t>
    </rPh>
    <phoneticPr fontId="2"/>
  </si>
  <si>
    <t>座間駅、入谷駅</t>
    <rPh sb="0" eb="2">
      <t>ザマ</t>
    </rPh>
    <rPh sb="2" eb="3">
      <t>エキ</t>
    </rPh>
    <rPh sb="4" eb="6">
      <t>イリヤ</t>
    </rPh>
    <rPh sb="6" eb="7">
      <t>エキ</t>
    </rPh>
    <phoneticPr fontId="2"/>
  </si>
  <si>
    <t>令和７年度座間市民芸術祭謡曲発表会</t>
    <rPh sb="0" eb="2">
      <t>レイワ</t>
    </rPh>
    <rPh sb="3" eb="4">
      <t>ネン</t>
    </rPh>
    <rPh sb="4" eb="5">
      <t>ド</t>
    </rPh>
    <rPh sb="5" eb="7">
      <t>ザマ</t>
    </rPh>
    <rPh sb="7" eb="9">
      <t>シミン</t>
    </rPh>
    <rPh sb="9" eb="11">
      <t>ゲイジュツ</t>
    </rPh>
    <rPh sb="11" eb="12">
      <t>サイ</t>
    </rPh>
    <rPh sb="12" eb="14">
      <t>ヨウキョク</t>
    </rPh>
    <rPh sb="14" eb="17">
      <t>ハッピョウカイ</t>
    </rPh>
    <phoneticPr fontId="2"/>
  </si>
  <si>
    <t>座間市謡曲連盟による謡曲の発表を行います。</t>
    <rPh sb="16" eb="17">
      <t>オコナ</t>
    </rPh>
    <phoneticPr fontId="2"/>
  </si>
  <si>
    <t>令和７年度座間市民芸術祭いけばな展</t>
    <rPh sb="0" eb="2">
      <t>レイワ</t>
    </rPh>
    <rPh sb="3" eb="4">
      <t>ネン</t>
    </rPh>
    <rPh sb="4" eb="5">
      <t>ド</t>
    </rPh>
    <rPh sb="5" eb="7">
      <t>ザマ</t>
    </rPh>
    <rPh sb="7" eb="9">
      <t>シミン</t>
    </rPh>
    <rPh sb="9" eb="11">
      <t>ゲイジュツ</t>
    </rPh>
    <rPh sb="11" eb="12">
      <t>サイ</t>
    </rPh>
    <rPh sb="16" eb="17">
      <t>テン</t>
    </rPh>
    <phoneticPr fontId="2"/>
  </si>
  <si>
    <t>座間華道協会が主管となり市民公募によるいけばなの展示を行います。</t>
    <rPh sb="7" eb="9">
      <t>シュカン</t>
    </rPh>
    <rPh sb="12" eb="14">
      <t>シミン</t>
    </rPh>
    <rPh sb="14" eb="16">
      <t>コウボ</t>
    </rPh>
    <rPh sb="27" eb="28">
      <t>オコナ</t>
    </rPh>
    <phoneticPr fontId="2"/>
  </si>
  <si>
    <t>令和７年度座間市民芸術祭文芸展</t>
    <rPh sb="0" eb="2">
      <t>レイワ</t>
    </rPh>
    <rPh sb="3" eb="4">
      <t>ネン</t>
    </rPh>
    <rPh sb="4" eb="5">
      <t>ド</t>
    </rPh>
    <rPh sb="5" eb="7">
      <t>ザマ</t>
    </rPh>
    <rPh sb="7" eb="9">
      <t>シミン</t>
    </rPh>
    <rPh sb="9" eb="11">
      <t>ゲイジュツ</t>
    </rPh>
    <rPh sb="11" eb="12">
      <t>サイ</t>
    </rPh>
    <rPh sb="12" eb="14">
      <t>ブンゲイ</t>
    </rPh>
    <rPh sb="14" eb="15">
      <t>テン</t>
    </rPh>
    <phoneticPr fontId="2"/>
  </si>
  <si>
    <t>座間市俳句連盟、座間市歌人会が主管となり市民公募による文芸（俳句・短歌・川柳）作品の展示を行います。</t>
    <rPh sb="0" eb="2">
      <t>ザマ</t>
    </rPh>
    <rPh sb="2" eb="3">
      <t>シ</t>
    </rPh>
    <rPh sb="3" eb="5">
      <t>ハイク</t>
    </rPh>
    <rPh sb="5" eb="7">
      <t>レンメイ</t>
    </rPh>
    <rPh sb="8" eb="11">
      <t>ザマシ</t>
    </rPh>
    <rPh sb="11" eb="13">
      <t>カジン</t>
    </rPh>
    <rPh sb="13" eb="14">
      <t>カイ</t>
    </rPh>
    <rPh sb="15" eb="17">
      <t>シュカン</t>
    </rPh>
    <rPh sb="45" eb="46">
      <t>オコナ</t>
    </rPh>
    <phoneticPr fontId="2"/>
  </si>
  <si>
    <t>座間市役所</t>
    <rPh sb="0" eb="5">
      <t>ザマシヤクショ</t>
    </rPh>
    <phoneticPr fontId="2"/>
  </si>
  <si>
    <t>令和７年度座間市民芸術祭さつき盆栽展</t>
    <rPh sb="0" eb="2">
      <t>レイワ</t>
    </rPh>
    <rPh sb="3" eb="4">
      <t>ネン</t>
    </rPh>
    <rPh sb="4" eb="5">
      <t>ド</t>
    </rPh>
    <rPh sb="5" eb="7">
      <t>ザマ</t>
    </rPh>
    <rPh sb="7" eb="9">
      <t>シミン</t>
    </rPh>
    <rPh sb="9" eb="11">
      <t>ゲイジュツ</t>
    </rPh>
    <rPh sb="11" eb="12">
      <t>サイ</t>
    </rPh>
    <rPh sb="15" eb="17">
      <t>ボンサイ</t>
    </rPh>
    <rPh sb="17" eb="18">
      <t>テン</t>
    </rPh>
    <phoneticPr fontId="2"/>
  </si>
  <si>
    <t>座間さつき会が主管となり市民公募によるさつき盆栽の展示を行います。</t>
    <rPh sb="7" eb="9">
      <t>シュカン</t>
    </rPh>
    <rPh sb="12" eb="16">
      <t>シミンコウボ</t>
    </rPh>
    <rPh sb="28" eb="29">
      <t>オコナ</t>
    </rPh>
    <phoneticPr fontId="2"/>
  </si>
  <si>
    <t>令和７年度座間市民芸術祭囲碁大会</t>
    <rPh sb="0" eb="2">
      <t>レイワ</t>
    </rPh>
    <rPh sb="3" eb="4">
      <t>ネン</t>
    </rPh>
    <rPh sb="4" eb="5">
      <t>ド</t>
    </rPh>
    <rPh sb="5" eb="7">
      <t>ザマ</t>
    </rPh>
    <rPh sb="7" eb="9">
      <t>シミン</t>
    </rPh>
    <rPh sb="9" eb="11">
      <t>ゲイジュツ</t>
    </rPh>
    <rPh sb="11" eb="12">
      <t>サイ</t>
    </rPh>
    <rPh sb="12" eb="14">
      <t>イゴ</t>
    </rPh>
    <rPh sb="14" eb="16">
      <t>タイカイ</t>
    </rPh>
    <phoneticPr fontId="2"/>
  </si>
  <si>
    <t>座間市囲碁連盟が主管となり囲碁の大会を行います。</t>
    <rPh sb="0" eb="3">
      <t>ザマシ</t>
    </rPh>
    <rPh sb="3" eb="5">
      <t>イゴ</t>
    </rPh>
    <rPh sb="5" eb="7">
      <t>レンメイ</t>
    </rPh>
    <rPh sb="8" eb="10">
      <t>シュカン</t>
    </rPh>
    <rPh sb="13" eb="15">
      <t>イゴ</t>
    </rPh>
    <rPh sb="16" eb="18">
      <t>タイカイ</t>
    </rPh>
    <rPh sb="19" eb="20">
      <t>オコナ</t>
    </rPh>
    <phoneticPr fontId="2"/>
  </si>
  <si>
    <t>令和７年度座間市民芸術祭「座間の歴史」展</t>
    <rPh sb="0" eb="2">
      <t>レイワ</t>
    </rPh>
    <rPh sb="3" eb="4">
      <t>ネン</t>
    </rPh>
    <rPh sb="4" eb="5">
      <t>ド</t>
    </rPh>
    <rPh sb="5" eb="7">
      <t>ザマ</t>
    </rPh>
    <rPh sb="7" eb="9">
      <t>シミン</t>
    </rPh>
    <rPh sb="9" eb="11">
      <t>ゲイジュツ</t>
    </rPh>
    <rPh sb="11" eb="12">
      <t>サイ</t>
    </rPh>
    <rPh sb="13" eb="15">
      <t>ザマ</t>
    </rPh>
    <rPh sb="16" eb="18">
      <t>レキシ</t>
    </rPh>
    <rPh sb="19" eb="20">
      <t>テン</t>
    </rPh>
    <phoneticPr fontId="2"/>
  </si>
  <si>
    <t>座間ふるさとガイドの会による座間の文化財や神社、史跡の写真などの展示を行います。</t>
    <rPh sb="0" eb="2">
      <t>ザマ</t>
    </rPh>
    <rPh sb="10" eb="11">
      <t>カイ</t>
    </rPh>
    <rPh sb="14" eb="16">
      <t>ザマ</t>
    </rPh>
    <rPh sb="17" eb="20">
      <t>ブンカザイ</t>
    </rPh>
    <rPh sb="21" eb="23">
      <t>ジンジャ</t>
    </rPh>
    <rPh sb="24" eb="26">
      <t>シセキ</t>
    </rPh>
    <rPh sb="27" eb="29">
      <t>シャシン</t>
    </rPh>
    <rPh sb="32" eb="34">
      <t>テンジ</t>
    </rPh>
    <rPh sb="35" eb="36">
      <t>オコナ</t>
    </rPh>
    <phoneticPr fontId="2"/>
  </si>
  <si>
    <t>令和７年度座間市民芸術祭菊花展</t>
    <rPh sb="0" eb="2">
      <t>レイワ</t>
    </rPh>
    <rPh sb="3" eb="4">
      <t>ネン</t>
    </rPh>
    <rPh sb="4" eb="5">
      <t>ド</t>
    </rPh>
    <rPh sb="5" eb="7">
      <t>ザマ</t>
    </rPh>
    <rPh sb="7" eb="9">
      <t>シミン</t>
    </rPh>
    <rPh sb="9" eb="11">
      <t>ゲイジュツ</t>
    </rPh>
    <rPh sb="11" eb="12">
      <t>サイ</t>
    </rPh>
    <rPh sb="12" eb="14">
      <t>キッカ</t>
    </rPh>
    <rPh sb="14" eb="15">
      <t>テン</t>
    </rPh>
    <phoneticPr fontId="2"/>
  </si>
  <si>
    <t>座間市菊友会が主管となり市民公募による菊花の展示を行います。</t>
    <rPh sb="7" eb="9">
      <t>シュカン</t>
    </rPh>
    <rPh sb="12" eb="16">
      <t>シミンコウボ</t>
    </rPh>
    <rPh sb="25" eb="26">
      <t>オコナ</t>
    </rPh>
    <phoneticPr fontId="2"/>
  </si>
  <si>
    <t>令和７年度座間市民芸術祭茶会</t>
    <rPh sb="12" eb="14">
      <t>チャカイ</t>
    </rPh>
    <phoneticPr fontId="2"/>
  </si>
  <si>
    <t>座間市茶道連盟が主管となり茶会を行います。</t>
    <rPh sb="0" eb="2">
      <t>ザマ</t>
    </rPh>
    <rPh sb="2" eb="3">
      <t>シ</t>
    </rPh>
    <rPh sb="3" eb="5">
      <t>サドウ</t>
    </rPh>
    <rPh sb="5" eb="7">
      <t>レンメイ</t>
    </rPh>
    <rPh sb="8" eb="10">
      <t>シュカン</t>
    </rPh>
    <rPh sb="13" eb="15">
      <t>チャカイ</t>
    </rPh>
    <rPh sb="16" eb="17">
      <t>オコナ</t>
    </rPh>
    <phoneticPr fontId="3"/>
  </si>
  <si>
    <t>令和７年度座間市民芸術祭将棋大会</t>
  </si>
  <si>
    <t>相武棋楽会が主管となり将棋の大会を行います。</t>
    <rPh sb="0" eb="2">
      <t>ソウブ</t>
    </rPh>
    <rPh sb="2" eb="3">
      <t>キ</t>
    </rPh>
    <rPh sb="3" eb="4">
      <t>ラク</t>
    </rPh>
    <rPh sb="4" eb="5">
      <t>カイ</t>
    </rPh>
    <rPh sb="6" eb="8">
      <t>シュカン</t>
    </rPh>
    <rPh sb="11" eb="13">
      <t>ショウギ</t>
    </rPh>
    <rPh sb="14" eb="16">
      <t>タイカイ</t>
    </rPh>
    <rPh sb="17" eb="18">
      <t>オコナ</t>
    </rPh>
    <phoneticPr fontId="2"/>
  </si>
  <si>
    <t>令和７年度座間市民芸術祭書道展</t>
    <rPh sb="0" eb="2">
      <t>レイワ</t>
    </rPh>
    <rPh sb="3" eb="4">
      <t>ネン</t>
    </rPh>
    <rPh sb="4" eb="5">
      <t>ド</t>
    </rPh>
    <rPh sb="5" eb="7">
      <t>ザマ</t>
    </rPh>
    <rPh sb="7" eb="9">
      <t>シミン</t>
    </rPh>
    <rPh sb="9" eb="11">
      <t>ゲイジュツ</t>
    </rPh>
    <rPh sb="11" eb="12">
      <t>サイ</t>
    </rPh>
    <rPh sb="12" eb="15">
      <t>ショドウテン</t>
    </rPh>
    <phoneticPr fontId="2"/>
  </si>
  <si>
    <t>座間市書道連盟が主管となり市民公募による書道作品の展示を行います。</t>
    <rPh sb="0" eb="3">
      <t>ザマシ</t>
    </rPh>
    <rPh sb="3" eb="7">
      <t>ショドウレンメイ</t>
    </rPh>
    <rPh sb="8" eb="10">
      <t>シュカン</t>
    </rPh>
    <rPh sb="20" eb="22">
      <t>ショドウ</t>
    </rPh>
    <rPh sb="28" eb="29">
      <t>オコナ</t>
    </rPh>
    <phoneticPr fontId="2"/>
  </si>
  <si>
    <t>令和７年度座間市民芸術祭民謡舞踊発表会</t>
    <rPh sb="0" eb="2">
      <t>レイワ</t>
    </rPh>
    <rPh sb="3" eb="4">
      <t>ネン</t>
    </rPh>
    <rPh sb="4" eb="5">
      <t>ド</t>
    </rPh>
    <rPh sb="5" eb="7">
      <t>ザマ</t>
    </rPh>
    <rPh sb="7" eb="9">
      <t>シミン</t>
    </rPh>
    <rPh sb="9" eb="11">
      <t>ゲイジュツ</t>
    </rPh>
    <rPh sb="11" eb="12">
      <t>サイ</t>
    </rPh>
    <rPh sb="12" eb="14">
      <t>ミンヨウ</t>
    </rPh>
    <rPh sb="14" eb="16">
      <t>ブヨウ</t>
    </rPh>
    <rPh sb="16" eb="19">
      <t>ハッピョウカイ</t>
    </rPh>
    <phoneticPr fontId="2"/>
  </si>
  <si>
    <t>座間市民謡連合会による民謡・舞踊の発表を行います。</t>
    <rPh sb="20" eb="21">
      <t>オコナ</t>
    </rPh>
    <phoneticPr fontId="2"/>
  </si>
  <si>
    <t>郷土の食文化講座（全6回）</t>
    <rPh sb="0" eb="2">
      <t>キョウド</t>
    </rPh>
    <rPh sb="3" eb="8">
      <t>ショクブンカコウザ</t>
    </rPh>
    <rPh sb="9" eb="10">
      <t>ゼン</t>
    </rPh>
    <rPh sb="11" eb="12">
      <t>カイ</t>
    </rPh>
    <phoneticPr fontId="2"/>
  </si>
  <si>
    <t>地物の材料を生かした、滋味豊かな座間の郷土食を講師の皆さんと一緒に作り、伝統的な食文化を体験します。</t>
  </si>
  <si>
    <t>座間市公民館</t>
  </si>
  <si>
    <t>座間駅</t>
  </si>
  <si>
    <t>全日参加できる中学生以上の方</t>
  </si>
  <si>
    <t>座間市教育委員会教育部生涯学習課
文化財担当</t>
    <rPh sb="17" eb="20">
      <t>ブンカザイ</t>
    </rPh>
    <rPh sb="20" eb="22">
      <t>タントウ</t>
    </rPh>
    <phoneticPr fontId="2"/>
  </si>
  <si>
    <t>親と子が共に育つ教室</t>
    <rPh sb="0" eb="1">
      <t>オヤ</t>
    </rPh>
    <rPh sb="2" eb="3">
      <t>コ</t>
    </rPh>
    <rPh sb="4" eb="5">
      <t>トモ</t>
    </rPh>
    <phoneticPr fontId="2"/>
  </si>
  <si>
    <t>子育て中の保護者が楽しく子育てするための学習支援として年１０回の連続講座を開催する。</t>
    <rPh sb="0" eb="2">
      <t>コソダ</t>
    </rPh>
    <rPh sb="3" eb="4">
      <t>チュウ</t>
    </rPh>
    <rPh sb="5" eb="8">
      <t>ホゴシャ</t>
    </rPh>
    <rPh sb="9" eb="10">
      <t>タノ</t>
    </rPh>
    <rPh sb="12" eb="14">
      <t>コソダ</t>
    </rPh>
    <rPh sb="20" eb="22">
      <t>ガクシュウ</t>
    </rPh>
    <rPh sb="22" eb="24">
      <t>シエン</t>
    </rPh>
    <rPh sb="27" eb="28">
      <t>ネン</t>
    </rPh>
    <rPh sb="30" eb="31">
      <t>カイ</t>
    </rPh>
    <rPh sb="32" eb="34">
      <t>レンゾク</t>
    </rPh>
    <rPh sb="34" eb="36">
      <t>コウザ</t>
    </rPh>
    <rPh sb="37" eb="39">
      <t>カイサイ</t>
    </rPh>
    <phoneticPr fontId="2"/>
  </si>
  <si>
    <t>座間市教育委員会
教育部　生涯学習課座間市公民館</t>
    <rPh sb="18" eb="20">
      <t>ザマ</t>
    </rPh>
    <rPh sb="20" eb="21">
      <t>シ</t>
    </rPh>
    <rPh sb="21" eb="24">
      <t>コウミンカン</t>
    </rPh>
    <phoneticPr fontId="2"/>
  </si>
  <si>
    <t>乳幼児を子育て中の保護者</t>
    <rPh sb="0" eb="3">
      <t>ニュウヨウジ</t>
    </rPh>
    <rPh sb="4" eb="6">
      <t>コソダ</t>
    </rPh>
    <rPh sb="7" eb="8">
      <t>ナカ</t>
    </rPh>
    <rPh sb="9" eb="12">
      <t>ホゴシャ</t>
    </rPh>
    <phoneticPr fontId="2"/>
  </si>
  <si>
    <t>座間市教育委員会教育部生涯学習課
座間市公民館</t>
    <rPh sb="17" eb="20">
      <t>ザマシ</t>
    </rPh>
    <rPh sb="20" eb="23">
      <t>コウミンカン</t>
    </rPh>
    <phoneticPr fontId="2"/>
  </si>
  <si>
    <t>パソコン相談会</t>
    <rPh sb="4" eb="7">
      <t>ソウダンカイ</t>
    </rPh>
    <phoneticPr fontId="2"/>
  </si>
  <si>
    <t>座間市パソコンサポートクラブによるパソコン操作個別相談を実施する。</t>
    <rPh sb="0" eb="3">
      <t>ザマシ</t>
    </rPh>
    <rPh sb="21" eb="23">
      <t>ソウサ</t>
    </rPh>
    <rPh sb="23" eb="25">
      <t>コベツ</t>
    </rPh>
    <rPh sb="25" eb="27">
      <t>ソウダン</t>
    </rPh>
    <rPh sb="28" eb="30">
      <t>ジッシ</t>
    </rPh>
    <phoneticPr fontId="2"/>
  </si>
  <si>
    <t>おもちゃ病院</t>
    <rPh sb="4" eb="6">
      <t>ビョウイン</t>
    </rPh>
    <phoneticPr fontId="2"/>
  </si>
  <si>
    <t>おもちゃドクターの会との共催による壊れたおもちゃの修理を実施する。</t>
    <rPh sb="9" eb="10">
      <t>カイ</t>
    </rPh>
    <rPh sb="12" eb="14">
      <t>キョウサイ</t>
    </rPh>
    <rPh sb="17" eb="18">
      <t>コワ</t>
    </rPh>
    <rPh sb="25" eb="27">
      <t>シュウリ</t>
    </rPh>
    <rPh sb="28" eb="30">
      <t>ジッシ</t>
    </rPh>
    <phoneticPr fontId="2"/>
  </si>
  <si>
    <t>2025/10/18</t>
  </si>
  <si>
    <t>小学生以下（保護者同伴）</t>
    <rPh sb="0" eb="3">
      <t>ショウガクセイ</t>
    </rPh>
    <rPh sb="3" eb="5">
      <t>イカ</t>
    </rPh>
    <rPh sb="6" eb="9">
      <t>ホゴシャ</t>
    </rPh>
    <rPh sb="9" eb="11">
      <t>ドウハン</t>
    </rPh>
    <phoneticPr fontId="2"/>
  </si>
  <si>
    <t>ふれあい自然科学クラブ</t>
    <rPh sb="4" eb="8">
      <t>シゼンカガク</t>
    </rPh>
    <phoneticPr fontId="2"/>
  </si>
  <si>
    <t>年９回の連続自然体験活動を実施する。</t>
    <rPh sb="0" eb="1">
      <t>ネン</t>
    </rPh>
    <rPh sb="2" eb="3">
      <t>カイ</t>
    </rPh>
    <rPh sb="4" eb="6">
      <t>レンゾク</t>
    </rPh>
    <rPh sb="6" eb="8">
      <t>シゼン</t>
    </rPh>
    <rPh sb="8" eb="10">
      <t>タイケン</t>
    </rPh>
    <rPh sb="10" eb="12">
      <t>カツドウ</t>
    </rPh>
    <rPh sb="13" eb="15">
      <t>ジッシ</t>
    </rPh>
    <phoneticPr fontId="2"/>
  </si>
  <si>
    <t>小学生親子</t>
    <rPh sb="0" eb="3">
      <t>ショウガクセイ</t>
    </rPh>
    <rPh sb="3" eb="5">
      <t>オヤコ</t>
    </rPh>
    <phoneticPr fontId="2"/>
  </si>
  <si>
    <t xml:space="preserve">https://www.city.zama.kanagawa.jp/shisetsu/kyoiku/kouminkan/1008638.html
</t>
  </si>
  <si>
    <t>音楽サロン</t>
    <rPh sb="0" eb="2">
      <t>オンガク</t>
    </rPh>
    <phoneticPr fontId="2"/>
  </si>
  <si>
    <t>歌唱やピアノ演奏鑑賞、リズム表現などをみんなで楽しむ。</t>
    <rPh sb="0" eb="2">
      <t>カショウ</t>
    </rPh>
    <rPh sb="6" eb="8">
      <t>エンソウ</t>
    </rPh>
    <rPh sb="8" eb="10">
      <t>カンショウ</t>
    </rPh>
    <rPh sb="14" eb="16">
      <t>ヒョウゲン</t>
    </rPh>
    <rPh sb="23" eb="24">
      <t>タノ</t>
    </rPh>
    <phoneticPr fontId="2"/>
  </si>
  <si>
    <t>相模が丘コミュニティセンター</t>
  </si>
  <si>
    <t>小田急相模原駅</t>
    <rPh sb="0" eb="6">
      <t>オダキュウサガミハラ</t>
    </rPh>
    <rPh sb="6" eb="7">
      <t>エキ</t>
    </rPh>
    <phoneticPr fontId="2"/>
  </si>
  <si>
    <t>座間市教育委員会
教育部　生涯学習課北地区文化センター</t>
    <rPh sb="0" eb="3">
      <t>ザマシ</t>
    </rPh>
    <rPh sb="3" eb="5">
      <t>キョウイク</t>
    </rPh>
    <rPh sb="5" eb="7">
      <t>イイン</t>
    </rPh>
    <rPh sb="7" eb="8">
      <t>カイ</t>
    </rPh>
    <rPh sb="9" eb="11">
      <t>キョウイク</t>
    </rPh>
    <rPh sb="11" eb="12">
      <t>ブ</t>
    </rPh>
    <rPh sb="13" eb="15">
      <t>ショウガイ</t>
    </rPh>
    <rPh sb="15" eb="17">
      <t>ガクシュウ</t>
    </rPh>
    <rPh sb="17" eb="18">
      <t>カ</t>
    </rPh>
    <rPh sb="18" eb="23">
      <t>キタチクブンカ</t>
    </rPh>
    <phoneticPr fontId="2"/>
  </si>
  <si>
    <t>座間市教育委員会教育部生涯学習課
北地区文化センター</t>
  </si>
  <si>
    <t>第43回東地区文化センターみんなでつくる文化祭</t>
  </si>
  <si>
    <t>東地区文化センター利用サークルの活動について地域の方々へ発表・展示を行うことにより地域の交流を図るとともにサークル活動の周知と活性化を図ります。</t>
    <rPh sb="25" eb="27">
      <t>カタガタ</t>
    </rPh>
    <phoneticPr fontId="2"/>
  </si>
  <si>
    <t>東地区文化センター</t>
    <rPh sb="0" eb="1">
      <t>ヒガシ</t>
    </rPh>
    <rPh sb="1" eb="3">
      <t>チク</t>
    </rPh>
    <rPh sb="3" eb="5">
      <t>ブンカ</t>
    </rPh>
    <phoneticPr fontId="2"/>
  </si>
  <si>
    <t>さがみ野駅</t>
    <rPh sb="3" eb="4">
      <t>ノ</t>
    </rPh>
    <rPh sb="4" eb="5">
      <t>エキ</t>
    </rPh>
    <phoneticPr fontId="2"/>
  </si>
  <si>
    <t>〇座間市教育委員会
教育部　生涯学習課東地区文化センター
〇東地区文化センターみんなでつくる文化祭実行委員会</t>
    <rPh sb="1" eb="4">
      <t>ザマシ</t>
    </rPh>
    <rPh sb="4" eb="6">
      <t>キョウイク</t>
    </rPh>
    <rPh sb="6" eb="8">
      <t>イイン</t>
    </rPh>
    <rPh sb="8" eb="9">
      <t>カイ</t>
    </rPh>
    <rPh sb="10" eb="12">
      <t>キョウイク</t>
    </rPh>
    <rPh sb="12" eb="13">
      <t>ブ</t>
    </rPh>
    <rPh sb="14" eb="19">
      <t>ショウガイガクシュウカ</t>
    </rPh>
    <rPh sb="19" eb="24">
      <t>ヒガシチクブンカ</t>
    </rPh>
    <rPh sb="46" eb="47">
      <t>ブン</t>
    </rPh>
    <phoneticPr fontId="2"/>
  </si>
  <si>
    <t>どなたでも</t>
  </si>
  <si>
    <t>座間市教育委員会
教育部生涯学習課
東地区文化センター</t>
    <rPh sb="0" eb="3">
      <t>ザマシ</t>
    </rPh>
    <rPh sb="3" eb="5">
      <t>キョウイク</t>
    </rPh>
    <rPh sb="5" eb="8">
      <t>イインカイ</t>
    </rPh>
    <rPh sb="9" eb="11">
      <t>キョウイク</t>
    </rPh>
    <rPh sb="11" eb="12">
      <t>ブ</t>
    </rPh>
    <rPh sb="12" eb="17">
      <t>ショウガイガクシュウカ</t>
    </rPh>
    <rPh sb="18" eb="19">
      <t>ヒガシ</t>
    </rPh>
    <rPh sb="19" eb="21">
      <t>チク</t>
    </rPh>
    <rPh sb="21" eb="23">
      <t>ブンカ</t>
    </rPh>
    <phoneticPr fontId="2"/>
  </si>
  <si>
    <t>https://www.city.zama.kanagawa.jp/event/kyoiku/1001635/index.html</t>
  </si>
  <si>
    <t>綾瀬市</t>
    <rPh sb="0" eb="3">
      <t>アヤセシ</t>
    </rPh>
    <phoneticPr fontId="2"/>
  </si>
  <si>
    <t>あやせ文化芸術祭
書道の部（成人）</t>
    <rPh sb="3" eb="5">
      <t>ブンカ</t>
    </rPh>
    <rPh sb="5" eb="8">
      <t>ゲイジュツサイ</t>
    </rPh>
    <rPh sb="9" eb="11">
      <t>ショドウ</t>
    </rPh>
    <rPh sb="12" eb="13">
      <t>ブ</t>
    </rPh>
    <rPh sb="14" eb="16">
      <t>セイジン</t>
    </rPh>
    <phoneticPr fontId="2"/>
  </si>
  <si>
    <t>綾瀬市役所7階
市民展示ホール</t>
    <rPh sb="0" eb="5">
      <t>アヤセシヤクショ</t>
    </rPh>
    <rPh sb="6" eb="7">
      <t>カイ</t>
    </rPh>
    <rPh sb="8" eb="10">
      <t>シミン</t>
    </rPh>
    <rPh sb="10" eb="12">
      <t>テンジ</t>
    </rPh>
    <phoneticPr fontId="2"/>
  </si>
  <si>
    <t>最寄駅　海老名駅よりバス約30分</t>
    <rPh sb="0" eb="2">
      <t>モヨリ</t>
    </rPh>
    <rPh sb="2" eb="3">
      <t>エキ</t>
    </rPh>
    <rPh sb="4" eb="7">
      <t>エビナ</t>
    </rPh>
    <rPh sb="7" eb="8">
      <t>エキ</t>
    </rPh>
    <rPh sb="12" eb="13">
      <t>ヤク</t>
    </rPh>
    <rPh sb="15" eb="16">
      <t>フン</t>
    </rPh>
    <phoneticPr fontId="2"/>
  </si>
  <si>
    <t>生涯学習課</t>
    <rPh sb="0" eb="5">
      <t>ショウガイガクシュウカ</t>
    </rPh>
    <phoneticPr fontId="2"/>
  </si>
  <si>
    <t>中学生を除く15歳以上で、市内在住・在勤・在学または市内で活動している団体に所属している方</t>
    <phoneticPr fontId="2"/>
  </si>
  <si>
    <t>生涯学習課</t>
    <rPh sb="0" eb="2">
      <t>ショウガイ</t>
    </rPh>
    <rPh sb="2" eb="4">
      <t>ガクシュウ</t>
    </rPh>
    <rPh sb="4" eb="5">
      <t>カ</t>
    </rPh>
    <phoneticPr fontId="2"/>
  </si>
  <si>
    <t>www.city.ayase.kanagawa.jp/kanko_bunka_sports/bunka_geijutsu/ayasebunkageijutsusai/16021.html</t>
    <phoneticPr fontId="2"/>
  </si>
  <si>
    <t>あやせ文化芸術祭
書道の部（子ども）</t>
    <rPh sb="3" eb="5">
      <t>ブンカ</t>
    </rPh>
    <rPh sb="5" eb="8">
      <t>ゲイジュツサイ</t>
    </rPh>
    <rPh sb="9" eb="11">
      <t>ショドウ</t>
    </rPh>
    <rPh sb="12" eb="13">
      <t>ブ</t>
    </rPh>
    <rPh sb="14" eb="15">
      <t>コ</t>
    </rPh>
    <phoneticPr fontId="2"/>
  </si>
  <si>
    <t xml:space="preserve">市内在住・在学の４歳～小・中学生
なお、市立小・中学生は学校・書道教室などを経由して提出願います
</t>
    <phoneticPr fontId="2"/>
  </si>
  <si>
    <t>あやせ文化芸術祭
絵画の部（子ども）</t>
    <rPh sb="3" eb="5">
      <t>ブンカ</t>
    </rPh>
    <rPh sb="5" eb="8">
      <t>ゲイジュツサイ</t>
    </rPh>
    <rPh sb="9" eb="11">
      <t>カイガ</t>
    </rPh>
    <rPh sb="12" eb="13">
      <t>ブ</t>
    </rPh>
    <rPh sb="14" eb="15">
      <t>コ</t>
    </rPh>
    <phoneticPr fontId="2"/>
  </si>
  <si>
    <t xml:space="preserve">市内在住・在学の５歳～小・中学生
なお、市立小・中学生は学校・絵画教室などを経由して提出願います
</t>
    <phoneticPr fontId="2"/>
  </si>
  <si>
    <t>あやせ文化芸術祭
市民文化祭伝統芸能部門</t>
    <rPh sb="3" eb="5">
      <t>ブンカ</t>
    </rPh>
    <rPh sb="5" eb="8">
      <t>ゲイジュツサイ</t>
    </rPh>
    <rPh sb="9" eb="11">
      <t>シミン</t>
    </rPh>
    <rPh sb="11" eb="14">
      <t>ブンカサイ</t>
    </rPh>
    <rPh sb="14" eb="16">
      <t>デントウ</t>
    </rPh>
    <rPh sb="16" eb="18">
      <t>ゲイノウ</t>
    </rPh>
    <rPh sb="18" eb="20">
      <t>ブモン</t>
    </rPh>
    <phoneticPr fontId="2"/>
  </si>
  <si>
    <t>オーエンス文化会館大ホール</t>
    <rPh sb="5" eb="7">
      <t>ブンカ</t>
    </rPh>
    <rPh sb="7" eb="9">
      <t>カイカン</t>
    </rPh>
    <rPh sb="9" eb="10">
      <t>ダイ</t>
    </rPh>
    <phoneticPr fontId="2"/>
  </si>
  <si>
    <t>最寄バス停
海老名駅・長後駅・さがみ野駅いずれかからバス停「市民文化センター前」下車すぐ</t>
    <rPh sb="0" eb="2">
      <t>モヨリ</t>
    </rPh>
    <rPh sb="4" eb="5">
      <t>テイ</t>
    </rPh>
    <rPh sb="6" eb="9">
      <t>エビナ</t>
    </rPh>
    <rPh sb="9" eb="10">
      <t>エキ</t>
    </rPh>
    <rPh sb="11" eb="13">
      <t>チョウゴ</t>
    </rPh>
    <rPh sb="13" eb="14">
      <t>エキ</t>
    </rPh>
    <rPh sb="18" eb="20">
      <t>ノエキ</t>
    </rPh>
    <rPh sb="28" eb="29">
      <t>テイ</t>
    </rPh>
    <rPh sb="30" eb="32">
      <t>シミン</t>
    </rPh>
    <rPh sb="32" eb="34">
      <t>ブンカ</t>
    </rPh>
    <rPh sb="38" eb="39">
      <t>マエ</t>
    </rPh>
    <rPh sb="40" eb="42">
      <t>ゲシャ</t>
    </rPh>
    <phoneticPr fontId="2"/>
  </si>
  <si>
    <t>綾瀬市固有の伝統芸能を継承し活動している団体</t>
    <phoneticPr fontId="2"/>
  </si>
  <si>
    <t>あやせ文化芸術祭
市民文化祭華道部門</t>
    <rPh sb="9" eb="11">
      <t>シミン</t>
    </rPh>
    <rPh sb="11" eb="14">
      <t>ブンカサイ</t>
    </rPh>
    <rPh sb="14" eb="16">
      <t>カドウ</t>
    </rPh>
    <rPh sb="16" eb="18">
      <t>ブモン</t>
    </rPh>
    <phoneticPr fontId="2"/>
  </si>
  <si>
    <t>市内在住・在勤・在学または市内で活動している団体に所属している方</t>
    <phoneticPr fontId="2"/>
  </si>
  <si>
    <t>www.city.ayase.kanagawa.jp/kanko_bunka_sports/bunka_geijutsu/ayasebunkageijutsusai/16021.html</t>
  </si>
  <si>
    <t>あやせ文化芸術祭
菊花展</t>
    <rPh sb="3" eb="5">
      <t>ブンカ</t>
    </rPh>
    <rPh sb="5" eb="8">
      <t>ゲイジュツサイ</t>
    </rPh>
    <rPh sb="9" eb="11">
      <t>キッカ</t>
    </rPh>
    <rPh sb="11" eb="12">
      <t>テン</t>
    </rPh>
    <phoneticPr fontId="2"/>
  </si>
  <si>
    <t>あやせ文化芸術祭
市民文化祭写真部門</t>
    <rPh sb="3" eb="5">
      <t>ブンカ</t>
    </rPh>
    <rPh sb="5" eb="8">
      <t>ゲイジュツサイ</t>
    </rPh>
    <rPh sb="9" eb="11">
      <t>シミン</t>
    </rPh>
    <rPh sb="11" eb="13">
      <t>ブンカ</t>
    </rPh>
    <rPh sb="13" eb="14">
      <t>サイ</t>
    </rPh>
    <rPh sb="14" eb="16">
      <t>シャシン</t>
    </rPh>
    <rPh sb="16" eb="18">
      <t>ブモン</t>
    </rPh>
    <phoneticPr fontId="2"/>
  </si>
  <si>
    <t>市民文化祭音楽部門</t>
    <phoneticPr fontId="2"/>
  </si>
  <si>
    <t>市内在住・在勤・在学している方または市内で活動している団体</t>
    <phoneticPr fontId="2"/>
  </si>
  <si>
    <t>市民文化祭舞台部門</t>
    <phoneticPr fontId="2"/>
  </si>
  <si>
    <t>市内在住・在勤・在学者で構成されている３人以上の団体</t>
    <phoneticPr fontId="2"/>
  </si>
  <si>
    <t>市民文化祭展示部門</t>
    <phoneticPr fontId="2"/>
  </si>
  <si>
    <t>オーエンス文化会館小ホール</t>
    <phoneticPr fontId="2"/>
  </si>
  <si>
    <t>第331回綾瀬市庁舎市民ホールコンサート</t>
    <phoneticPr fontId="2"/>
  </si>
  <si>
    <t>綾瀬市役所1階
市民ホール</t>
    <rPh sb="0" eb="5">
      <t>アヤセシヤクショ</t>
    </rPh>
    <rPh sb="6" eb="7">
      <t>カイ</t>
    </rPh>
    <rPh sb="8" eb="10">
      <t>シミン</t>
    </rPh>
    <phoneticPr fontId="2"/>
  </si>
  <si>
    <t>www.city.ayase.kanagawa.jp/kanko_bunka_sports/bunka_geijutsu/shiminhoruconcert/11123.html</t>
    <phoneticPr fontId="2"/>
  </si>
  <si>
    <t>第332回綾瀬市庁舎市民ホールコンサート</t>
  </si>
  <si>
    <t>第333回綾瀬市庁舎市民ホールコンサート</t>
  </si>
  <si>
    <t>Ｈｅｌｌｏ！えいごひろば</t>
  </si>
  <si>
    <t>お友だちと一緒に遊びながら、絵本や歌を英語で楽しみます。</t>
    <phoneticPr fontId="2"/>
  </si>
  <si>
    <t>綾瀬市立図書館</t>
    <phoneticPr fontId="2"/>
  </si>
  <si>
    <t>神奈中バス・相鉄バス「市民文化センター前」</t>
    <phoneticPr fontId="2"/>
  </si>
  <si>
    <t>0～3歳児と保護者、プレママ</t>
    <phoneticPr fontId="2"/>
  </si>
  <si>
    <t>綾瀬市立図書館</t>
  </si>
  <si>
    <t>www,ayaselib.jp</t>
    <phoneticPr fontId="2"/>
  </si>
  <si>
    <t>おはなし会と読み聞かせ講座</t>
    <phoneticPr fontId="2"/>
  </si>
  <si>
    <t>楽しい絵本の選び方や読み方のコツの学習と実演をします。前半はおはなし会、後半は講座です。講師は絵本作家・絵本コーディネーターで語り手の「こがようこ」さんです。</t>
  </si>
  <si>
    <t>綾南サロン室</t>
  </si>
  <si>
    <t>綾瀬市コミュニティバス3号車「上土棚南」</t>
  </si>
  <si>
    <t>未就学児と保護者</t>
  </si>
  <si>
    <t>https://www.city.ayase.kanagawa.jp/</t>
  </si>
  <si>
    <t>子育て支援センター</t>
  </si>
  <si>
    <t>神奈中バス「綾瀬小学校前」</t>
  </si>
  <si>
    <t>未就学児と保護者、プレママ・プレパパ</t>
    <phoneticPr fontId="2"/>
  </si>
  <si>
    <t>大上サロン室</t>
  </si>
  <si>
    <t>綾瀬市コミュニティバス2号車「大上五丁目」</t>
  </si>
  <si>
    <t>楽しい英語絵本の選び方や読み方のコツの学習と実演。前半はおはなし会、後半は講座です。講師は英語絵本インストラクターの「大矢悠卯（おおやゆう）」さん。</t>
  </si>
  <si>
    <t>図書館おはなし会</t>
  </si>
  <si>
    <t>読み聞かせや手遊び、わらべうたなどを行います。</t>
  </si>
  <si>
    <t>綾瀬市中央公民館</t>
  </si>
  <si>
    <t>神奈中バス・相鉄バス「市民文化センター前」</t>
  </si>
  <si>
    <t>未就園児</t>
    <rPh sb="2" eb="4">
      <t>エンジ</t>
    </rPh>
    <phoneticPr fontId="2"/>
  </si>
  <si>
    <t>www,ayaselib.jp</t>
  </si>
  <si>
    <t>未就園児</t>
    <phoneticPr fontId="2"/>
  </si>
  <si>
    <t>おはなしの森</t>
  </si>
  <si>
    <t>年長児～小学校低学年</t>
  </si>
  <si>
    <t>図書館子どもおはなし会</t>
  </si>
  <si>
    <t>年少児～小学校低学年</t>
  </si>
  <si>
    <t>北の台おはなし会</t>
  </si>
  <si>
    <t>深谷大上ふれあいの家</t>
  </si>
  <si>
    <t>綾瀬市コミュニティバス2号車「深谷大上ふれあいの家」</t>
  </si>
  <si>
    <t>幼児～小学生</t>
  </si>
  <si>
    <t>おはなしコロボックル</t>
  </si>
  <si>
    <t>寺尾いずみ会館</t>
  </si>
  <si>
    <t>綾瀬市コミュニティバス1号車「県営住宅前」</t>
  </si>
  <si>
    <t>未就園児</t>
  </si>
  <si>
    <t>いずみおはなし会</t>
  </si>
  <si>
    <t>おはなしくれよん</t>
    <phoneticPr fontId="2"/>
  </si>
  <si>
    <t>綾南保育園</t>
    <rPh sb="2" eb="5">
      <t>ホイクエン</t>
    </rPh>
    <phoneticPr fontId="2"/>
  </si>
  <si>
    <t>子育てサロン「あひるくらぶ」</t>
  </si>
  <si>
    <t>季節や歳時に応じた遊びを通して親子の交流を図ります。</t>
  </si>
  <si>
    <t>中央公民館</t>
  </si>
  <si>
    <t>最寄バス停 海老名駅・長後駅・さがみ野駅いずれかからバス停「市民文化センター前」下車すぐ</t>
  </si>
  <si>
    <t>https://www.ayase-manavi.net/event/</t>
    <phoneticPr fontId="2"/>
  </si>
  <si>
    <t>子育てサロン「ひよこサロン」</t>
  </si>
  <si>
    <t>2025/9/25
2025/10/23</t>
    <phoneticPr fontId="2"/>
  </si>
  <si>
    <t>吉岡地区センター</t>
  </si>
  <si>
    <t>コミュニティバスかわせみ５号車吉岡地区センター前</t>
    <phoneticPr fontId="2"/>
  </si>
  <si>
    <t>葉山町</t>
    <rPh sb="0" eb="3">
      <t>ハヤママチ</t>
    </rPh>
    <phoneticPr fontId="2"/>
  </si>
  <si>
    <t>逗葉地区青少年音楽祭</t>
    <rPh sb="0" eb="4">
      <t>ズヨウチク</t>
    </rPh>
    <rPh sb="4" eb="7">
      <t>セイショウネン</t>
    </rPh>
    <rPh sb="7" eb="10">
      <t>オンガクサイ</t>
    </rPh>
    <phoneticPr fontId="2"/>
  </si>
  <si>
    <t>逗子葉山の公立中・高校６校の吹奏楽部による演奏会です。</t>
    <rPh sb="0" eb="4">
      <t>ズシハヤマ</t>
    </rPh>
    <rPh sb="5" eb="7">
      <t>コウリツ</t>
    </rPh>
    <rPh sb="7" eb="8">
      <t>チュウ</t>
    </rPh>
    <rPh sb="9" eb="11">
      <t>コウコウ</t>
    </rPh>
    <rPh sb="12" eb="13">
      <t>コウ</t>
    </rPh>
    <rPh sb="14" eb="17">
      <t>スイソウガク</t>
    </rPh>
    <rPh sb="17" eb="18">
      <t>ブ</t>
    </rPh>
    <rPh sb="21" eb="24">
      <t>エンソウカイ</t>
    </rPh>
    <phoneticPr fontId="2"/>
  </si>
  <si>
    <t>福祉文化会館</t>
    <rPh sb="0" eb="6">
      <t>フクシブンカカイカン</t>
    </rPh>
    <phoneticPr fontId="2"/>
  </si>
  <si>
    <t>葉山小学校（バス）</t>
    <rPh sb="0" eb="5">
      <t>ハヤマショウガッコウ</t>
    </rPh>
    <phoneticPr fontId="2"/>
  </si>
  <si>
    <t>葉山町教育委員会・逗子市教育委員会</t>
    <rPh sb="0" eb="3">
      <t>ハヤママチ</t>
    </rPh>
    <rPh sb="3" eb="8">
      <t>キョウイクイインカイ</t>
    </rPh>
    <rPh sb="9" eb="12">
      <t>ズシシ</t>
    </rPh>
    <rPh sb="12" eb="17">
      <t>キョウイクイインカイ</t>
    </rPh>
    <phoneticPr fontId="2"/>
  </si>
  <si>
    <t>在住・在勤条件なし</t>
    <rPh sb="0" eb="2">
      <t>ザイジュウ</t>
    </rPh>
    <rPh sb="3" eb="5">
      <t>ザイキン</t>
    </rPh>
    <rPh sb="5" eb="7">
      <t>ジョウケン</t>
    </rPh>
    <phoneticPr fontId="2"/>
  </si>
  <si>
    <t>葉山町生涯学習課</t>
    <rPh sb="0" eb="3">
      <t>ハヤママチ</t>
    </rPh>
    <rPh sb="3" eb="8">
      <t>ショウガイガクシュウカ</t>
    </rPh>
    <phoneticPr fontId="2"/>
  </si>
  <si>
    <t>第58回葉山町文化祭</t>
    <rPh sb="0" eb="1">
      <t>ダイ</t>
    </rPh>
    <rPh sb="3" eb="4">
      <t>カイ</t>
    </rPh>
    <rPh sb="4" eb="7">
      <t>ハヤママチ</t>
    </rPh>
    <rPh sb="7" eb="10">
      <t>ブンカサイ</t>
    </rPh>
    <phoneticPr fontId="2"/>
  </si>
  <si>
    <t>町内各文化団体による展示、演奏会発表会です。</t>
    <rPh sb="0" eb="2">
      <t>チョウナイ</t>
    </rPh>
    <rPh sb="2" eb="3">
      <t>カク</t>
    </rPh>
    <rPh sb="3" eb="5">
      <t>ブンカ</t>
    </rPh>
    <rPh sb="5" eb="7">
      <t>ダンタイ</t>
    </rPh>
    <rPh sb="10" eb="12">
      <t>テンジ</t>
    </rPh>
    <rPh sb="13" eb="16">
      <t>エンソウカイ</t>
    </rPh>
    <rPh sb="16" eb="19">
      <t>ハッピョウカイ</t>
    </rPh>
    <phoneticPr fontId="2"/>
  </si>
  <si>
    <t>福祉文化会館
図書館</t>
    <rPh sb="0" eb="2">
      <t>フクシ</t>
    </rPh>
    <rPh sb="2" eb="4">
      <t>ブンカ</t>
    </rPh>
    <rPh sb="4" eb="6">
      <t>カイカン</t>
    </rPh>
    <rPh sb="7" eb="10">
      <t>トショカン</t>
    </rPh>
    <phoneticPr fontId="2"/>
  </si>
  <si>
    <t>葉山小学校（バス）
向原
（バス）</t>
    <rPh sb="0" eb="5">
      <t>ハヤマショウガッコウ</t>
    </rPh>
    <rPh sb="10" eb="12">
      <t>ムカイバラ</t>
    </rPh>
    <phoneticPr fontId="2"/>
  </si>
  <si>
    <t>葉山町文化協会</t>
    <rPh sb="0" eb="3">
      <t>ハヤママチ</t>
    </rPh>
    <rPh sb="3" eb="5">
      <t>ブンカ</t>
    </rPh>
    <rPh sb="5" eb="7">
      <t>キョウカイ</t>
    </rPh>
    <phoneticPr fontId="2"/>
  </si>
  <si>
    <t>なし</t>
    <phoneticPr fontId="2"/>
  </si>
  <si>
    <t>寒川町</t>
    <rPh sb="0" eb="3">
      <t>サムカワマチ</t>
    </rPh>
    <phoneticPr fontId="2"/>
  </si>
  <si>
    <t>2025さむかわスポーツデイ</t>
  </si>
  <si>
    <t>多くの町民にスポーツに親しんでいただき、スポーツ活動の推進、健康増進を図るきっかけ作りを提供し、健康で明るく元気なまちづくりに貢献することを目的とする。</t>
    <rPh sb="0" eb="1">
      <t>オオ</t>
    </rPh>
    <rPh sb="3" eb="5">
      <t>チョウミン</t>
    </rPh>
    <rPh sb="11" eb="12">
      <t>シタ</t>
    </rPh>
    <rPh sb="24" eb="26">
      <t>カツドウ</t>
    </rPh>
    <rPh sb="27" eb="29">
      <t>スイシン</t>
    </rPh>
    <rPh sb="30" eb="34">
      <t>ケンコウゾウシン</t>
    </rPh>
    <rPh sb="35" eb="36">
      <t>ハカ</t>
    </rPh>
    <rPh sb="41" eb="42">
      <t>ヅク</t>
    </rPh>
    <rPh sb="44" eb="46">
      <t>テイキョウ</t>
    </rPh>
    <rPh sb="48" eb="50">
      <t>ケンコウ</t>
    </rPh>
    <rPh sb="51" eb="52">
      <t>アカ</t>
    </rPh>
    <rPh sb="54" eb="56">
      <t>ゲンキ</t>
    </rPh>
    <rPh sb="63" eb="65">
      <t>コウケン</t>
    </rPh>
    <rPh sb="70" eb="72">
      <t>モクテキ</t>
    </rPh>
    <phoneticPr fontId="2"/>
  </si>
  <si>
    <t>さむかわ中央公園・シンコースポーツ寒川アリーナ</t>
    <rPh sb="4" eb="8">
      <t>チュウオウコウエン</t>
    </rPh>
    <rPh sb="17" eb="19">
      <t>サムカワ</t>
    </rPh>
    <phoneticPr fontId="2"/>
  </si>
  <si>
    <t>寒川駅</t>
    <rPh sb="0" eb="3">
      <t>サムカワエキ</t>
    </rPh>
    <phoneticPr fontId="2"/>
  </si>
  <si>
    <t>寒川町スポーツデイ実行委員会</t>
    <rPh sb="0" eb="3">
      <t>サムカワマチ</t>
    </rPh>
    <rPh sb="9" eb="14">
      <t>ジッコウイインカイ</t>
    </rPh>
    <phoneticPr fontId="2"/>
  </si>
  <si>
    <t>在住・在勤(各イベント定員に満たない場合は、参加対象を広げる。)</t>
    <rPh sb="0" eb="2">
      <t>ザイジュウ</t>
    </rPh>
    <rPh sb="3" eb="5">
      <t>ザイキン</t>
    </rPh>
    <rPh sb="6" eb="7">
      <t>カク</t>
    </rPh>
    <rPh sb="11" eb="13">
      <t>テイイン</t>
    </rPh>
    <rPh sb="14" eb="15">
      <t>ミ</t>
    </rPh>
    <rPh sb="18" eb="20">
      <t>バアイ</t>
    </rPh>
    <rPh sb="22" eb="26">
      <t>サンカタイショウ</t>
    </rPh>
    <rPh sb="27" eb="28">
      <t>ヒロ</t>
    </rPh>
    <phoneticPr fontId="2"/>
  </si>
  <si>
    <t>寒川町町民部スポーツ課</t>
    <rPh sb="0" eb="3">
      <t>サムカワマチ</t>
    </rPh>
    <rPh sb="3" eb="5">
      <t>チョウミン</t>
    </rPh>
    <rPh sb="5" eb="6">
      <t>ブ</t>
    </rPh>
    <rPh sb="10" eb="11">
      <t>カ</t>
    </rPh>
    <phoneticPr fontId="2"/>
  </si>
  <si>
    <t>寒川町遺跡講演会</t>
    <rPh sb="0" eb="3">
      <t>サムカワマチ</t>
    </rPh>
    <rPh sb="3" eb="5">
      <t>イセキ</t>
    </rPh>
    <rPh sb="5" eb="8">
      <t>コウエンカイ</t>
    </rPh>
    <phoneticPr fontId="2"/>
  </si>
  <si>
    <t>寒川に関連する遺跡等の講演会を実施します。</t>
    <rPh sb="0" eb="2">
      <t>サムカワ</t>
    </rPh>
    <rPh sb="3" eb="5">
      <t>カンレン</t>
    </rPh>
    <rPh sb="7" eb="9">
      <t>イセキ</t>
    </rPh>
    <rPh sb="9" eb="10">
      <t>トウ</t>
    </rPh>
    <rPh sb="11" eb="14">
      <t>コウエンカイ</t>
    </rPh>
    <rPh sb="15" eb="17">
      <t>ジッシ</t>
    </rPh>
    <phoneticPr fontId="2"/>
  </si>
  <si>
    <t>寒川町民センター</t>
    <rPh sb="0" eb="2">
      <t>サムカワ</t>
    </rPh>
    <rPh sb="2" eb="4">
      <t>チョウミン</t>
    </rPh>
    <phoneticPr fontId="2"/>
  </si>
  <si>
    <t>寒川町教育委員会
公益財団法人かながわ考古学財団</t>
    <rPh sb="0" eb="3">
      <t>サムカワマチ</t>
    </rPh>
    <rPh sb="3" eb="8">
      <t>キョウイクイインカイ</t>
    </rPh>
    <rPh sb="9" eb="11">
      <t>コウエキ</t>
    </rPh>
    <rPh sb="11" eb="13">
      <t>ザイダン</t>
    </rPh>
    <rPh sb="13" eb="15">
      <t>ホウジン</t>
    </rPh>
    <rPh sb="19" eb="22">
      <t>コウコガク</t>
    </rPh>
    <rPh sb="22" eb="24">
      <t>ザイダン</t>
    </rPh>
    <phoneticPr fontId="2"/>
  </si>
  <si>
    <t>寒川町教育委員会生涯学習課生涯学習担当</t>
    <rPh sb="0" eb="8">
      <t>サムカワマチキョウイクイインカイ</t>
    </rPh>
    <rPh sb="8" eb="19">
      <t>ショウガイガクシュウカショウガイガクシュウタントウ</t>
    </rPh>
    <phoneticPr fontId="2"/>
  </si>
  <si>
    <t>https://www.town.samukawa.kanagawa.jp/soshiki/kyoiku/shogaigakushu/shogaigakushu/event/1362480503130.html</t>
    <phoneticPr fontId="2"/>
  </si>
  <si>
    <t>子どもキャンプ</t>
    <rPh sb="0" eb="1">
      <t>コ</t>
    </rPh>
    <phoneticPr fontId="2"/>
  </si>
  <si>
    <t>青少年指導員やジュニアリーダーが中心となり、町内の小学生にキャンプや野外体験の機会を提供します。</t>
    <rPh sb="0" eb="3">
      <t>セイショウネン</t>
    </rPh>
    <rPh sb="3" eb="6">
      <t>シドウイン</t>
    </rPh>
    <rPh sb="16" eb="18">
      <t>チュウシン</t>
    </rPh>
    <rPh sb="22" eb="24">
      <t>チョウナイ</t>
    </rPh>
    <rPh sb="25" eb="28">
      <t>ショウガクセイ</t>
    </rPh>
    <rPh sb="34" eb="36">
      <t>ヤガイ</t>
    </rPh>
    <rPh sb="36" eb="38">
      <t>タイケン</t>
    </rPh>
    <rPh sb="39" eb="41">
      <t>キカイ</t>
    </rPh>
    <rPh sb="42" eb="44">
      <t>テイキョウ</t>
    </rPh>
    <phoneticPr fontId="2"/>
  </si>
  <si>
    <t>南足柄市
足柄ふれあいの村</t>
    <rPh sb="0" eb="4">
      <t>ミナミアシガラシ</t>
    </rPh>
    <rPh sb="5" eb="7">
      <t>アシガラ</t>
    </rPh>
    <rPh sb="12" eb="13">
      <t>ムラ</t>
    </rPh>
    <phoneticPr fontId="2"/>
  </si>
  <si>
    <t>最寄駅
大雄山駅</t>
    <rPh sb="0" eb="2">
      <t>モヨ</t>
    </rPh>
    <rPh sb="2" eb="3">
      <t>エキ</t>
    </rPh>
    <rPh sb="4" eb="7">
      <t>ダイユウザン</t>
    </rPh>
    <rPh sb="7" eb="8">
      <t>エキ</t>
    </rPh>
    <phoneticPr fontId="2"/>
  </si>
  <si>
    <t>大井町教育委員会生涯学習課
青少年指導員</t>
    <rPh sb="0" eb="3">
      <t>オオイマチ</t>
    </rPh>
    <rPh sb="3" eb="5">
      <t>キョウイク</t>
    </rPh>
    <rPh sb="5" eb="8">
      <t>イインカイ</t>
    </rPh>
    <rPh sb="8" eb="10">
      <t>ショウガイ</t>
    </rPh>
    <rPh sb="10" eb="13">
      <t>ガクシュウカ</t>
    </rPh>
    <rPh sb="14" eb="17">
      <t>セイショウネン</t>
    </rPh>
    <rPh sb="17" eb="20">
      <t>シドウイン</t>
    </rPh>
    <phoneticPr fontId="2"/>
  </si>
  <si>
    <t>町内在住の小学４～６年生</t>
    <rPh sb="0" eb="2">
      <t>チョウナイ</t>
    </rPh>
    <rPh sb="2" eb="4">
      <t>ザイジュウ</t>
    </rPh>
    <rPh sb="5" eb="7">
      <t>ショウガク</t>
    </rPh>
    <rPh sb="10" eb="12">
      <t>ネンセイ</t>
    </rPh>
    <phoneticPr fontId="2"/>
  </si>
  <si>
    <t>大井町教育委員会生涯学習課</t>
    <rPh sb="0" eb="3">
      <t>オオイマチ</t>
    </rPh>
    <rPh sb="3" eb="8">
      <t>キョウイクイインカイ</t>
    </rPh>
    <rPh sb="8" eb="10">
      <t>ショウガイ</t>
    </rPh>
    <rPh sb="10" eb="12">
      <t>ガクシュウ</t>
    </rPh>
    <rPh sb="12" eb="13">
      <t>カ</t>
    </rPh>
    <phoneticPr fontId="2"/>
  </si>
  <si>
    <t>未病改善　Enjoy! ニュースポーツ</t>
    <rPh sb="0" eb="4">
      <t>ミビョウカイゼン</t>
    </rPh>
    <phoneticPr fontId="2"/>
  </si>
  <si>
    <t>ボッチャやガラッキーなどのスポーツを体験しながら、健康増進を図ります。</t>
    <rPh sb="18" eb="20">
      <t>タイケン</t>
    </rPh>
    <rPh sb="25" eb="29">
      <t>ケンコウゾウシン</t>
    </rPh>
    <rPh sb="30" eb="31">
      <t>ハカ</t>
    </rPh>
    <phoneticPr fontId="2"/>
  </si>
  <si>
    <t>大井町総合体育館</t>
    <rPh sb="0" eb="3">
      <t>オオイマチ</t>
    </rPh>
    <rPh sb="3" eb="5">
      <t>ソウゴウ</t>
    </rPh>
    <rPh sb="5" eb="8">
      <t>タイイクカン</t>
    </rPh>
    <phoneticPr fontId="2"/>
  </si>
  <si>
    <t>最寄駅
相模金子駅
上大井駅</t>
    <rPh sb="0" eb="2">
      <t>モヨ</t>
    </rPh>
    <rPh sb="2" eb="3">
      <t>エキ</t>
    </rPh>
    <rPh sb="4" eb="8">
      <t>サガミカネコ</t>
    </rPh>
    <rPh sb="8" eb="9">
      <t>エキ</t>
    </rPh>
    <rPh sb="10" eb="14">
      <t>カミオオイエキ</t>
    </rPh>
    <phoneticPr fontId="2"/>
  </si>
  <si>
    <t>大井町教育委員会生涯学習課
スポーツ協会</t>
    <rPh sb="0" eb="3">
      <t>オオイマチ</t>
    </rPh>
    <rPh sb="3" eb="5">
      <t>キョウイク</t>
    </rPh>
    <rPh sb="5" eb="8">
      <t>イインカイ</t>
    </rPh>
    <rPh sb="8" eb="13">
      <t>ショウガイガクシュウカ</t>
    </rPh>
    <rPh sb="18" eb="20">
      <t>キョウカイ</t>
    </rPh>
    <phoneticPr fontId="2"/>
  </si>
  <si>
    <t>町民</t>
    <rPh sb="0" eb="2">
      <t>チョウミン</t>
    </rPh>
    <phoneticPr fontId="2"/>
  </si>
  <si>
    <t>親子で遊ぼう♪絵本とわらべうた</t>
    <rPh sb="0" eb="2">
      <t>オヤコ</t>
    </rPh>
    <rPh sb="3" eb="4">
      <t>アソ</t>
    </rPh>
    <rPh sb="7" eb="9">
      <t>エホン</t>
    </rPh>
    <phoneticPr fontId="2"/>
  </si>
  <si>
    <t>生活の中にわらべうたを取り入れ、親子でともに楽しむ機会とします。</t>
    <phoneticPr fontId="2"/>
  </si>
  <si>
    <t>大井町生涯学習センター</t>
    <rPh sb="0" eb="3">
      <t>オオイマチ</t>
    </rPh>
    <rPh sb="3" eb="5">
      <t>ショウガイ</t>
    </rPh>
    <rPh sb="5" eb="7">
      <t>ガクシュウ</t>
    </rPh>
    <phoneticPr fontId="2"/>
  </si>
  <si>
    <t>大井町教育委員会生涯学習課</t>
    <rPh sb="0" eb="3">
      <t>オオイマチ</t>
    </rPh>
    <rPh sb="3" eb="5">
      <t>キョウイク</t>
    </rPh>
    <rPh sb="5" eb="8">
      <t>イインカイ</t>
    </rPh>
    <rPh sb="8" eb="13">
      <t>ショウガイガクシュウカ</t>
    </rPh>
    <phoneticPr fontId="2"/>
  </si>
  <si>
    <t>乳幼児とその保護者</t>
    <rPh sb="0" eb="3">
      <t>ニュウヨウジ</t>
    </rPh>
    <rPh sb="6" eb="9">
      <t>ホゴシャ</t>
    </rPh>
    <phoneticPr fontId="2"/>
  </si>
  <si>
    <t>町民フットサル大会</t>
    <rPh sb="0" eb="2">
      <t>チョウミン</t>
    </rPh>
    <rPh sb="7" eb="9">
      <t>タイカイ</t>
    </rPh>
    <phoneticPr fontId="2"/>
  </si>
  <si>
    <t>広く町民の間にスポーツを普及し、町民相互のふれあいと健康増進を図るために、町民フットサル大会を開催します。</t>
    <rPh sb="37" eb="39">
      <t>チョウミン</t>
    </rPh>
    <rPh sb="44" eb="46">
      <t>タイカイ</t>
    </rPh>
    <rPh sb="47" eb="49">
      <t>カイサイ</t>
    </rPh>
    <phoneticPr fontId="2"/>
  </si>
  <si>
    <t>湘光中学校文化祭</t>
    <rPh sb="0" eb="2">
      <t>ショウヒカリ</t>
    </rPh>
    <rPh sb="2" eb="3">
      <t>チュウ</t>
    </rPh>
    <rPh sb="3" eb="5">
      <t>ガッコウ</t>
    </rPh>
    <rPh sb="5" eb="8">
      <t>ブンカサイ</t>
    </rPh>
    <phoneticPr fontId="2"/>
  </si>
  <si>
    <t>クラスごとに合唱コンクールや文化系の部活動の発表、作品展示等を行います。</t>
    <rPh sb="6" eb="8">
      <t>ガッショウ</t>
    </rPh>
    <rPh sb="14" eb="16">
      <t>ブンカ</t>
    </rPh>
    <rPh sb="16" eb="17">
      <t>ケイ</t>
    </rPh>
    <rPh sb="18" eb="20">
      <t>ブカツ</t>
    </rPh>
    <rPh sb="20" eb="21">
      <t>ドウ</t>
    </rPh>
    <rPh sb="22" eb="24">
      <t>ハッピョウ</t>
    </rPh>
    <rPh sb="25" eb="27">
      <t>サクヒン</t>
    </rPh>
    <rPh sb="27" eb="29">
      <t>テンジ</t>
    </rPh>
    <rPh sb="29" eb="30">
      <t>トウ</t>
    </rPh>
    <rPh sb="31" eb="32">
      <t>オコナ</t>
    </rPh>
    <phoneticPr fontId="2"/>
  </si>
  <si>
    <t>大井町立湘光中学校</t>
    <rPh sb="0" eb="4">
      <t>オオイチョウリツ</t>
    </rPh>
    <rPh sb="4" eb="6">
      <t>ショウヒカリ</t>
    </rPh>
    <rPh sb="6" eb="9">
      <t>チュウガッコウ</t>
    </rPh>
    <phoneticPr fontId="2"/>
  </si>
  <si>
    <t>生徒・保護者</t>
    <rPh sb="0" eb="2">
      <t>セイト</t>
    </rPh>
    <rPh sb="3" eb="6">
      <t>ホゴシャ</t>
    </rPh>
    <phoneticPr fontId="2"/>
  </si>
  <si>
    <t>大井町教育委員会教育総務課</t>
    <rPh sb="0" eb="3">
      <t>オオイマチ</t>
    </rPh>
    <rPh sb="3" eb="8">
      <t>キョウイクイインカイ</t>
    </rPh>
    <rPh sb="8" eb="10">
      <t>キョウイク</t>
    </rPh>
    <rPh sb="10" eb="13">
      <t>ソウムカ</t>
    </rPh>
    <phoneticPr fontId="2"/>
  </si>
  <si>
    <t>親子いっしょのおはなし会</t>
    <rPh sb="0" eb="2">
      <t>オヤコ</t>
    </rPh>
    <rPh sb="11" eb="12">
      <t>カイ</t>
    </rPh>
    <phoneticPr fontId="2"/>
  </si>
  <si>
    <t>様々なおはなしにふれるとともに、親子でおはなしを楽しむ心を育てます。</t>
    <rPh sb="16" eb="18">
      <t>オヤコ</t>
    </rPh>
    <phoneticPr fontId="2"/>
  </si>
  <si>
    <t>大井町教育委員会生涯学習課</t>
    <rPh sb="0" eb="3">
      <t>オオイマチ</t>
    </rPh>
    <rPh sb="3" eb="5">
      <t>キョウイク</t>
    </rPh>
    <rPh sb="5" eb="8">
      <t>イインカイ</t>
    </rPh>
    <rPh sb="8" eb="10">
      <t>ショウガイ</t>
    </rPh>
    <rPh sb="10" eb="13">
      <t>ガクシュウカ</t>
    </rPh>
    <phoneticPr fontId="2"/>
  </si>
  <si>
    <t>小学３年生以下の児童とその保護者</t>
    <rPh sb="0" eb="2">
      <t>ショウガク</t>
    </rPh>
    <rPh sb="3" eb="4">
      <t>ネン</t>
    </rPh>
    <rPh sb="4" eb="5">
      <t>セイ</t>
    </rPh>
    <rPh sb="5" eb="7">
      <t>イカ</t>
    </rPh>
    <rPh sb="8" eb="10">
      <t>ジドウ</t>
    </rPh>
    <rPh sb="13" eb="16">
      <t>ホゴシャ</t>
    </rPh>
    <phoneticPr fontId="2"/>
  </si>
  <si>
    <t>町民スポーツ大会</t>
    <rPh sb="0" eb="2">
      <t>チョウミン</t>
    </rPh>
    <rPh sb="6" eb="8">
      <t>タイカイ</t>
    </rPh>
    <phoneticPr fontId="2"/>
  </si>
  <si>
    <t>　広く町民の間にスポーツを普及し、町民相互の親睦と健康増進を図るため町民スポーツ大会を開催します。</t>
    <rPh sb="22" eb="24">
      <t>シンボク</t>
    </rPh>
    <rPh sb="34" eb="36">
      <t>チョウミン</t>
    </rPh>
    <rPh sb="40" eb="42">
      <t>タイカイ</t>
    </rPh>
    <phoneticPr fontId="2"/>
  </si>
  <si>
    <t>おおい中央公園
大井町総合体育館</t>
    <rPh sb="3" eb="5">
      <t>チュウオウ</t>
    </rPh>
    <rPh sb="5" eb="7">
      <t>コウエン</t>
    </rPh>
    <rPh sb="8" eb="11">
      <t>オオイマチ</t>
    </rPh>
    <rPh sb="11" eb="13">
      <t>ソウゴウ</t>
    </rPh>
    <rPh sb="13" eb="16">
      <t>タイイクカン</t>
    </rPh>
    <phoneticPr fontId="2"/>
  </si>
  <si>
    <t>陸上競技教室</t>
    <rPh sb="0" eb="2">
      <t>リクジョウ</t>
    </rPh>
    <rPh sb="2" eb="4">
      <t>キョウギ</t>
    </rPh>
    <rPh sb="4" eb="6">
      <t>キョウシツ</t>
    </rPh>
    <phoneticPr fontId="2"/>
  </si>
  <si>
    <t>広く町民の間にスポーツを普及し、町民相互のふれあいと健康増進を図るために、陸上競技教室を開催し、陸上競技の基本を学びます。</t>
    <phoneticPr fontId="2"/>
  </si>
  <si>
    <t>おおい中央公園</t>
    <rPh sb="3" eb="5">
      <t>チュウオウ</t>
    </rPh>
    <rPh sb="5" eb="7">
      <t>コウエン</t>
    </rPh>
    <phoneticPr fontId="2"/>
  </si>
  <si>
    <t>小学３～６年生</t>
    <rPh sb="0" eb="2">
      <t>ショウガク</t>
    </rPh>
    <rPh sb="6" eb="7">
      <t>セイ</t>
    </rPh>
    <phoneticPr fontId="2"/>
  </si>
  <si>
    <t>おおい自然園
「火山灰観察会」</t>
    <rPh sb="3" eb="6">
      <t>シゼンエン</t>
    </rPh>
    <rPh sb="8" eb="11">
      <t>カザンバイ</t>
    </rPh>
    <rPh sb="11" eb="14">
      <t>カンサツカイ</t>
    </rPh>
    <phoneticPr fontId="2"/>
  </si>
  <si>
    <t>郷土の自然に関心をもち、大切にしようとする心を育むため、おおい自然園園長と町民が協働して「火山灰観察会」を開催します。</t>
    <rPh sb="45" eb="47">
      <t>カザン</t>
    </rPh>
    <rPh sb="47" eb="48">
      <t>ハイ</t>
    </rPh>
    <rPh sb="48" eb="51">
      <t>カンサツカイ</t>
    </rPh>
    <phoneticPr fontId="2"/>
  </si>
  <si>
    <t>きらめきの丘おおい</t>
    <rPh sb="5" eb="6">
      <t>オカ</t>
    </rPh>
    <phoneticPr fontId="2"/>
  </si>
  <si>
    <t>最寄駅
上大井駅</t>
    <rPh sb="0" eb="2">
      <t>モヨ</t>
    </rPh>
    <rPh sb="2" eb="3">
      <t>エキ</t>
    </rPh>
    <rPh sb="4" eb="8">
      <t>カミオオイエキ</t>
    </rPh>
    <phoneticPr fontId="2"/>
  </si>
  <si>
    <t>小学３年生～一般</t>
    <rPh sb="0" eb="2">
      <t>ショウガク</t>
    </rPh>
    <rPh sb="3" eb="5">
      <t>ネンセイ</t>
    </rPh>
    <rPh sb="6" eb="8">
      <t>イッパン</t>
    </rPh>
    <phoneticPr fontId="2"/>
  </si>
  <si>
    <t>文化祭</t>
    <rPh sb="0" eb="3">
      <t>ブンカサイ</t>
    </rPh>
    <phoneticPr fontId="2"/>
  </si>
  <si>
    <t>広く町民の間に文化的な活動に触れる機会を提供し、各団体の発表の場とするため大井町文化祭を開催します。</t>
    <rPh sb="7" eb="10">
      <t>ブンカテキ</t>
    </rPh>
    <rPh sb="11" eb="13">
      <t>カツドウ</t>
    </rPh>
    <rPh sb="14" eb="15">
      <t>フ</t>
    </rPh>
    <rPh sb="17" eb="19">
      <t>キカイ</t>
    </rPh>
    <rPh sb="20" eb="22">
      <t>テイキョウ</t>
    </rPh>
    <rPh sb="24" eb="27">
      <t>カクダンタイ</t>
    </rPh>
    <rPh sb="28" eb="30">
      <t>ハッピョウ</t>
    </rPh>
    <rPh sb="31" eb="32">
      <t>バ</t>
    </rPh>
    <rPh sb="37" eb="40">
      <t>オオイマチ</t>
    </rPh>
    <rPh sb="40" eb="43">
      <t>ブンカサイ</t>
    </rPh>
    <phoneticPr fontId="2"/>
  </si>
  <si>
    <t>大井町生涯学習センター
大井町総合体育館</t>
    <rPh sb="0" eb="3">
      <t>オオイマチ</t>
    </rPh>
    <rPh sb="3" eb="5">
      <t>ショウガイ</t>
    </rPh>
    <rPh sb="5" eb="7">
      <t>ガクシュウ</t>
    </rPh>
    <rPh sb="12" eb="15">
      <t>オオイマチ</t>
    </rPh>
    <rPh sb="15" eb="17">
      <t>ソウゴウ</t>
    </rPh>
    <rPh sb="17" eb="20">
      <t>タイイクカン</t>
    </rPh>
    <phoneticPr fontId="2"/>
  </si>
  <si>
    <t>町内外問わず参加可</t>
    <rPh sb="0" eb="4">
      <t>チョウナイガイト</t>
    </rPh>
    <rPh sb="6" eb="8">
      <t>サンカ</t>
    </rPh>
    <rPh sb="8" eb="9">
      <t>カ</t>
    </rPh>
    <phoneticPr fontId="2"/>
  </si>
  <si>
    <t>大井町</t>
    <phoneticPr fontId="2"/>
  </si>
  <si>
    <t>PTA環境整備作業</t>
    <rPh sb="3" eb="7">
      <t>カンキョウセイビ</t>
    </rPh>
    <rPh sb="7" eb="9">
      <t>サギョウ</t>
    </rPh>
    <phoneticPr fontId="2"/>
  </si>
  <si>
    <t>親子で力を合わせ、学校の環境整備を行います。</t>
    <rPh sb="0" eb="2">
      <t>オヤコ</t>
    </rPh>
    <rPh sb="3" eb="4">
      <t>チカラ</t>
    </rPh>
    <rPh sb="5" eb="6">
      <t>ア</t>
    </rPh>
    <rPh sb="9" eb="11">
      <t>ガッコウ</t>
    </rPh>
    <rPh sb="12" eb="16">
      <t>カンキョウセイビ</t>
    </rPh>
    <rPh sb="17" eb="18">
      <t>オコナ</t>
    </rPh>
    <phoneticPr fontId="2"/>
  </si>
  <si>
    <t>各小学校</t>
    <rPh sb="0" eb="4">
      <t>カクショウガッコウ</t>
    </rPh>
    <phoneticPr fontId="2"/>
  </si>
  <si>
    <t>大井町立小学校</t>
    <rPh sb="0" eb="4">
      <t>オオイチョウリツ</t>
    </rPh>
    <rPh sb="4" eb="7">
      <t>ショウガッコウ</t>
    </rPh>
    <phoneticPr fontId="2"/>
  </si>
  <si>
    <t>小学生と保護者</t>
    <rPh sb="0" eb="3">
      <t>ショウガクセイ</t>
    </rPh>
    <rPh sb="4" eb="7">
      <t>ホゴシャ</t>
    </rPh>
    <phoneticPr fontId="2"/>
  </si>
  <si>
    <t>おおい自然園観察会
「秋の生きものさがし」</t>
    <rPh sb="3" eb="6">
      <t>シゼンエン</t>
    </rPh>
    <rPh sb="6" eb="9">
      <t>カンサツカイ</t>
    </rPh>
    <rPh sb="11" eb="12">
      <t>アキ</t>
    </rPh>
    <rPh sb="13" eb="14">
      <t>イ</t>
    </rPh>
    <phoneticPr fontId="2"/>
  </si>
  <si>
    <t>郷土の自然に関心をもち、大切にしようとする心を育むため、おおい自然園園長と町民が協働して「秋の生きものさがし」を行います。</t>
    <rPh sb="45" eb="46">
      <t>アキ</t>
    </rPh>
    <rPh sb="47" eb="48">
      <t>イ</t>
    </rPh>
    <rPh sb="56" eb="57">
      <t>オコナ</t>
    </rPh>
    <phoneticPr fontId="2"/>
  </si>
  <si>
    <t>おおいゆめの里</t>
    <rPh sb="6" eb="7">
      <t>サト</t>
    </rPh>
    <phoneticPr fontId="2"/>
  </si>
  <si>
    <t>最寄駅
上大井駅</t>
    <rPh sb="0" eb="2">
      <t>モヨ</t>
    </rPh>
    <rPh sb="2" eb="3">
      <t>エキ</t>
    </rPh>
    <rPh sb="4" eb="5">
      <t>ウエ</t>
    </rPh>
    <rPh sb="5" eb="7">
      <t>オオイ</t>
    </rPh>
    <rPh sb="7" eb="8">
      <t>エキ</t>
    </rPh>
    <phoneticPr fontId="2"/>
  </si>
  <si>
    <t>小学１年生～一般</t>
    <rPh sb="0" eb="2">
      <t>ショウガク</t>
    </rPh>
    <rPh sb="3" eb="5">
      <t>ネンセイ</t>
    </rPh>
    <rPh sb="6" eb="8">
      <t>イッパン</t>
    </rPh>
    <phoneticPr fontId="2"/>
  </si>
  <si>
    <t>子ども絵画展</t>
    <rPh sb="0" eb="1">
      <t>コ</t>
    </rPh>
    <rPh sb="3" eb="6">
      <t>カイガテン</t>
    </rPh>
    <phoneticPr fontId="2"/>
  </si>
  <si>
    <t>町の風景・動植物を自由に描くことで、町への関心を高める機会とするとともに創造力や表現力を養い、多くの方々に大井町の魅力を知ってもらいます。</t>
    <rPh sb="0" eb="1">
      <t>マチ</t>
    </rPh>
    <rPh sb="2" eb="4">
      <t>フウケイ</t>
    </rPh>
    <rPh sb="5" eb="8">
      <t>ドウショクブツ</t>
    </rPh>
    <rPh sb="9" eb="11">
      <t>ジユウ</t>
    </rPh>
    <rPh sb="12" eb="13">
      <t>カ</t>
    </rPh>
    <rPh sb="18" eb="19">
      <t>マチ</t>
    </rPh>
    <rPh sb="21" eb="23">
      <t>カンシン</t>
    </rPh>
    <rPh sb="24" eb="25">
      <t>タカ</t>
    </rPh>
    <rPh sb="27" eb="29">
      <t>キカイ</t>
    </rPh>
    <rPh sb="36" eb="39">
      <t>ソウゾウリョク</t>
    </rPh>
    <rPh sb="40" eb="43">
      <t>ヒョウゲンリョク</t>
    </rPh>
    <rPh sb="44" eb="45">
      <t>ヤシナ</t>
    </rPh>
    <rPh sb="47" eb="48">
      <t>オオ</t>
    </rPh>
    <rPh sb="50" eb="52">
      <t>カタガタ</t>
    </rPh>
    <rPh sb="53" eb="56">
      <t>オオイマチ</t>
    </rPh>
    <rPh sb="57" eb="59">
      <t>ミリョク</t>
    </rPh>
    <rPh sb="60" eb="61">
      <t>シ</t>
    </rPh>
    <phoneticPr fontId="2"/>
  </si>
  <si>
    <t>大井町生涯学習センターホワイエ</t>
    <rPh sb="0" eb="3">
      <t>オオイマチ</t>
    </rPh>
    <rPh sb="3" eb="5">
      <t>ショウガイ</t>
    </rPh>
    <rPh sb="5" eb="7">
      <t>ガクシュウ</t>
    </rPh>
    <phoneticPr fontId="2"/>
  </si>
  <si>
    <t>子ども卓球教室</t>
    <rPh sb="0" eb="1">
      <t>コ</t>
    </rPh>
    <rPh sb="3" eb="7">
      <t>タッキュウキョウシツ</t>
    </rPh>
    <phoneticPr fontId="2"/>
  </si>
  <si>
    <t>子どもたちが卓球を体験し、親しむ機会を提供します。</t>
    <rPh sb="0" eb="1">
      <t>コ</t>
    </rPh>
    <rPh sb="6" eb="8">
      <t>タッキュウ</t>
    </rPh>
    <rPh sb="9" eb="11">
      <t>タイケン</t>
    </rPh>
    <rPh sb="13" eb="14">
      <t>シタ</t>
    </rPh>
    <rPh sb="16" eb="18">
      <t>キカイ</t>
    </rPh>
    <rPh sb="19" eb="21">
      <t>テイキョウ</t>
    </rPh>
    <phoneticPr fontId="2"/>
  </si>
  <si>
    <t>大井町総合体育館</t>
    <rPh sb="0" eb="3">
      <t>オオイマチ</t>
    </rPh>
    <rPh sb="3" eb="8">
      <t>ソウゴウタイイクカン</t>
    </rPh>
    <phoneticPr fontId="2"/>
  </si>
  <si>
    <t>小学４～６年生</t>
    <rPh sb="0" eb="2">
      <t>ショウガク</t>
    </rPh>
    <rPh sb="5" eb="7">
      <t>ネンセイ</t>
    </rPh>
    <phoneticPr fontId="2"/>
  </si>
  <si>
    <t>子どもバドミントン大会</t>
    <rPh sb="0" eb="1">
      <t>コ</t>
    </rPh>
    <rPh sb="9" eb="11">
      <t>タイカイ</t>
    </rPh>
    <phoneticPr fontId="2"/>
  </si>
  <si>
    <t>学校体育館</t>
    <rPh sb="0" eb="2">
      <t>ガッコウ</t>
    </rPh>
    <rPh sb="2" eb="5">
      <t>タイイクカン</t>
    </rPh>
    <phoneticPr fontId="2"/>
  </si>
  <si>
    <t>小学生</t>
    <rPh sb="0" eb="2">
      <t>ショウガク</t>
    </rPh>
    <rPh sb="2" eb="3">
      <t>セイ</t>
    </rPh>
    <phoneticPr fontId="2"/>
  </si>
  <si>
    <t>湘光中職場体験</t>
    <rPh sb="0" eb="3">
      <t>ショウヒカリチュウ</t>
    </rPh>
    <rPh sb="3" eb="5">
      <t>ショクバ</t>
    </rPh>
    <rPh sb="5" eb="7">
      <t>タイケン</t>
    </rPh>
    <phoneticPr fontId="2"/>
  </si>
  <si>
    <t>様々な職種の方の話を聞き、将来なりたい自分について考えます。</t>
    <rPh sb="0" eb="2">
      <t>サマザマ</t>
    </rPh>
    <rPh sb="3" eb="5">
      <t>ショクシュ</t>
    </rPh>
    <rPh sb="6" eb="7">
      <t>カタ</t>
    </rPh>
    <rPh sb="8" eb="9">
      <t>ハナシ</t>
    </rPh>
    <rPh sb="10" eb="11">
      <t>キ</t>
    </rPh>
    <rPh sb="13" eb="15">
      <t>ショウライ</t>
    </rPh>
    <rPh sb="19" eb="21">
      <t>ジブン</t>
    </rPh>
    <rPh sb="25" eb="26">
      <t>カンガ</t>
    </rPh>
    <phoneticPr fontId="2"/>
  </si>
  <si>
    <t>大井町立湘光中学校</t>
    <rPh sb="0" eb="2">
      <t>オオイ</t>
    </rPh>
    <rPh sb="2" eb="4">
      <t>チョウリツ</t>
    </rPh>
    <rPh sb="4" eb="9">
      <t>ショウヒカリチュウガッコウ</t>
    </rPh>
    <phoneticPr fontId="2"/>
  </si>
  <si>
    <t>生徒</t>
    <rPh sb="0" eb="2">
      <t>セイト</t>
    </rPh>
    <phoneticPr fontId="2"/>
  </si>
  <si>
    <t>林間学校</t>
    <rPh sb="0" eb="4">
      <t>リンカンガッコウ</t>
    </rPh>
    <phoneticPr fontId="2"/>
  </si>
  <si>
    <t>野外体験活動を通して、非日常を味わう中で、集団生活への適応力や協調性を養う。</t>
    <rPh sb="0" eb="4">
      <t>ヤガイタイケン</t>
    </rPh>
    <rPh sb="4" eb="6">
      <t>カツドウ</t>
    </rPh>
    <rPh sb="7" eb="8">
      <t>トオ</t>
    </rPh>
    <rPh sb="11" eb="14">
      <t>ヒニチジョウ</t>
    </rPh>
    <rPh sb="15" eb="16">
      <t>アジ</t>
    </rPh>
    <rPh sb="18" eb="19">
      <t>ナカ</t>
    </rPh>
    <rPh sb="21" eb="23">
      <t>シュウダン</t>
    </rPh>
    <rPh sb="23" eb="25">
      <t>セイカツ</t>
    </rPh>
    <rPh sb="27" eb="30">
      <t>テキオウリョク</t>
    </rPh>
    <rPh sb="31" eb="34">
      <t>キョウチョウセイ</t>
    </rPh>
    <rPh sb="35" eb="36">
      <t>ヤシナ</t>
    </rPh>
    <phoneticPr fontId="2"/>
  </si>
  <si>
    <t>大井町立上大井小学校</t>
    <rPh sb="0" eb="4">
      <t>オオイチョウリツ</t>
    </rPh>
    <rPh sb="4" eb="5">
      <t>ウエ</t>
    </rPh>
    <rPh sb="5" eb="7">
      <t>オオイ</t>
    </rPh>
    <rPh sb="7" eb="8">
      <t>ショウ</t>
    </rPh>
    <rPh sb="8" eb="10">
      <t>ガッコウ</t>
    </rPh>
    <phoneticPr fontId="2"/>
  </si>
  <si>
    <t>児童</t>
    <rPh sb="0" eb="2">
      <t>ジドウ</t>
    </rPh>
    <phoneticPr fontId="2"/>
  </si>
  <si>
    <t>大井町環境展・クリーンキャンペーン</t>
    <rPh sb="0" eb="3">
      <t>オオイマチ</t>
    </rPh>
    <rPh sb="3" eb="6">
      <t>カンキョウテン</t>
    </rPh>
    <phoneticPr fontId="2"/>
  </si>
  <si>
    <t>環境に配慮した取り組みを町内外の企業や団体が紹介する「大井町環境展」を開催します。</t>
    <rPh sb="0" eb="2">
      <t>カンキョウ</t>
    </rPh>
    <rPh sb="3" eb="5">
      <t>ハイリョ</t>
    </rPh>
    <rPh sb="7" eb="8">
      <t>ト</t>
    </rPh>
    <rPh sb="9" eb="10">
      <t>ク</t>
    </rPh>
    <rPh sb="12" eb="14">
      <t>チョウナイ</t>
    </rPh>
    <rPh sb="14" eb="15">
      <t>ガイ</t>
    </rPh>
    <rPh sb="16" eb="18">
      <t>キギョウ</t>
    </rPh>
    <rPh sb="19" eb="21">
      <t>ダンタイ</t>
    </rPh>
    <rPh sb="22" eb="24">
      <t>ショウカイ</t>
    </rPh>
    <rPh sb="27" eb="30">
      <t>オオイマチ</t>
    </rPh>
    <rPh sb="30" eb="33">
      <t>カンキョウテン</t>
    </rPh>
    <rPh sb="35" eb="37">
      <t>カイサイ</t>
    </rPh>
    <phoneticPr fontId="2"/>
  </si>
  <si>
    <t>大井町教育委員会生活環境課</t>
    <rPh sb="0" eb="3">
      <t>オオイマチ</t>
    </rPh>
    <rPh sb="3" eb="5">
      <t>キョウイク</t>
    </rPh>
    <rPh sb="5" eb="8">
      <t>イインカイ</t>
    </rPh>
    <rPh sb="8" eb="10">
      <t>セイカツ</t>
    </rPh>
    <rPh sb="10" eb="12">
      <t>カンキョウ</t>
    </rPh>
    <rPh sb="12" eb="13">
      <t>カ</t>
    </rPh>
    <phoneticPr fontId="2"/>
  </si>
  <si>
    <t>大井町生活環境課</t>
    <rPh sb="0" eb="3">
      <t>オオイマチ</t>
    </rPh>
    <rPh sb="3" eb="5">
      <t>セイカツ</t>
    </rPh>
    <rPh sb="5" eb="7">
      <t>カンキョウ</t>
    </rPh>
    <rPh sb="7" eb="8">
      <t>ガッカ</t>
    </rPh>
    <phoneticPr fontId="2"/>
  </si>
  <si>
    <t>七歳の祝い</t>
    <rPh sb="0" eb="2">
      <t>ナナサイ</t>
    </rPh>
    <rPh sb="3" eb="4">
      <t>イワ</t>
    </rPh>
    <phoneticPr fontId="2"/>
  </si>
  <si>
    <t>　日本の伝統行事である「七五三」にちなみ、大井町在住の小学校就学前幼児の健やかな成長を願うとともに、次年度の就学を祝うため「七歳の祝い」として観劇を鑑賞する。</t>
    <rPh sb="71" eb="73">
      <t>カンゲキ</t>
    </rPh>
    <rPh sb="74" eb="76">
      <t>カンショウ</t>
    </rPh>
    <phoneticPr fontId="2"/>
  </si>
  <si>
    <t>大井町生涯学習センターホール</t>
    <rPh sb="0" eb="3">
      <t>オオイマチ</t>
    </rPh>
    <rPh sb="3" eb="5">
      <t>ショウガイ</t>
    </rPh>
    <rPh sb="5" eb="7">
      <t>ガクシュウ</t>
    </rPh>
    <phoneticPr fontId="2"/>
  </si>
  <si>
    <t>町内在住の６歳児（次年度７歳になる児童）</t>
    <rPh sb="0" eb="2">
      <t>チョウナイ</t>
    </rPh>
    <rPh sb="2" eb="4">
      <t>ザイジュウ</t>
    </rPh>
    <rPh sb="6" eb="8">
      <t>サイジ</t>
    </rPh>
    <rPh sb="9" eb="12">
      <t>ジネンド</t>
    </rPh>
    <rPh sb="13" eb="14">
      <t>サイ</t>
    </rPh>
    <rPh sb="17" eb="19">
      <t>ジドウ</t>
    </rPh>
    <phoneticPr fontId="2"/>
  </si>
  <si>
    <t>町立小学校スポーツイベント</t>
    <rPh sb="0" eb="2">
      <t>チョウリツ</t>
    </rPh>
    <rPh sb="2" eb="5">
      <t>ショウガッコウ</t>
    </rPh>
    <phoneticPr fontId="2"/>
  </si>
  <si>
    <t>町内小学校で、日頃の体育で学習したことを発揮したり、発表したりします。</t>
    <rPh sb="2" eb="5">
      <t>ショウガッコウ</t>
    </rPh>
    <rPh sb="7" eb="9">
      <t>ヒゴロ</t>
    </rPh>
    <rPh sb="10" eb="12">
      <t>タイイク</t>
    </rPh>
    <rPh sb="13" eb="15">
      <t>ガクシュウ</t>
    </rPh>
    <rPh sb="20" eb="22">
      <t>ハッキ</t>
    </rPh>
    <rPh sb="26" eb="28">
      <t>ハッピョウ</t>
    </rPh>
    <phoneticPr fontId="2"/>
  </si>
  <si>
    <t>やまきたスポーツの秋祭り</t>
  </si>
  <si>
    <t>年齢や体力等に関係なく、誰もが気軽に楽しみながらスポーツの習慣化につなげることにより、町民の体力・健康づくりの推進を図ることを目的とした会場分散型のイベントです。</t>
    <rPh sb="0" eb="2">
      <t>ネンレイ</t>
    </rPh>
    <rPh sb="3" eb="5">
      <t>タイリョク</t>
    </rPh>
    <rPh sb="5" eb="6">
      <t>トウ</t>
    </rPh>
    <rPh sb="7" eb="9">
      <t>カンケイ</t>
    </rPh>
    <rPh sb="12" eb="13">
      <t>ダレ</t>
    </rPh>
    <rPh sb="15" eb="17">
      <t>キガル</t>
    </rPh>
    <rPh sb="18" eb="19">
      <t>タノ</t>
    </rPh>
    <rPh sb="29" eb="32">
      <t>シュウカンカ</t>
    </rPh>
    <rPh sb="43" eb="45">
      <t>チョウミン</t>
    </rPh>
    <rPh sb="46" eb="48">
      <t>タイリョク</t>
    </rPh>
    <rPh sb="49" eb="51">
      <t>ケンコウ</t>
    </rPh>
    <rPh sb="55" eb="57">
      <t>スイシン</t>
    </rPh>
    <rPh sb="58" eb="59">
      <t>ハカ</t>
    </rPh>
    <rPh sb="63" eb="65">
      <t>モクテキ</t>
    </rPh>
    <rPh sb="68" eb="70">
      <t>カイジョウ</t>
    </rPh>
    <rPh sb="70" eb="73">
      <t>ブンサンガタ</t>
    </rPh>
    <phoneticPr fontId="2"/>
  </si>
  <si>
    <t>・山北町内
・河村城址歴史公園
・山北町パークゴルフ場
神奈川県立山北つぶらの公園</t>
    <phoneticPr fontId="2"/>
  </si>
  <si>
    <t>山北駅
東山北駅</t>
    <rPh sb="0" eb="3">
      <t>ヤマキタエキ</t>
    </rPh>
    <rPh sb="4" eb="7">
      <t>ヒガシヤマキタ</t>
    </rPh>
    <rPh sb="7" eb="8">
      <t>エキ</t>
    </rPh>
    <phoneticPr fontId="2"/>
  </si>
  <si>
    <t>・町
・実行委員会
・町教育委員会</t>
  </si>
  <si>
    <t>山北町教育委員会生涯学習課</t>
    <rPh sb="0" eb="8">
      <t>ヤマキタマチキョウイクイインカイ</t>
    </rPh>
    <rPh sb="8" eb="13">
      <t>ショウガイガクシュウカ</t>
    </rPh>
    <phoneticPr fontId="2"/>
  </si>
  <si>
    <t>町民文化祭（展示）</t>
  </si>
  <si>
    <t>町民の文化活動を推進するため、作品の展示の場を提供する。</t>
    <rPh sb="0" eb="2">
      <t>チョウミン</t>
    </rPh>
    <rPh sb="3" eb="5">
      <t>ブンカ</t>
    </rPh>
    <rPh sb="5" eb="7">
      <t>カツドウ</t>
    </rPh>
    <rPh sb="8" eb="10">
      <t>スイシン</t>
    </rPh>
    <rPh sb="15" eb="17">
      <t>サクヒン</t>
    </rPh>
    <rPh sb="18" eb="20">
      <t>テンジ</t>
    </rPh>
    <rPh sb="21" eb="22">
      <t>バ</t>
    </rPh>
    <rPh sb="23" eb="25">
      <t>テイキョウ</t>
    </rPh>
    <phoneticPr fontId="2"/>
  </si>
  <si>
    <t>山北町立生涯学習センター</t>
    <rPh sb="0" eb="3">
      <t>ヤマキタマチ</t>
    </rPh>
    <rPh sb="3" eb="4">
      <t>リツ</t>
    </rPh>
    <rPh sb="4" eb="8">
      <t>ショウガイガクシュウ</t>
    </rPh>
    <phoneticPr fontId="2"/>
  </si>
  <si>
    <t>山北駅</t>
    <rPh sb="0" eb="3">
      <t>ヤマキタエキ</t>
    </rPh>
    <phoneticPr fontId="2"/>
  </si>
  <si>
    <t>文団連</t>
    <rPh sb="0" eb="3">
      <t>ブンダンレン</t>
    </rPh>
    <phoneticPr fontId="2"/>
  </si>
  <si>
    <t>町民文化祭（発表）</t>
  </si>
  <si>
    <t>町民の文化活動を推進するため、芸能発表の場を提供する。</t>
    <rPh sb="0" eb="2">
      <t>チョウミン</t>
    </rPh>
    <rPh sb="3" eb="5">
      <t>ブンカ</t>
    </rPh>
    <rPh sb="5" eb="7">
      <t>カツドウ</t>
    </rPh>
    <rPh sb="8" eb="10">
      <t>スイシン</t>
    </rPh>
    <rPh sb="15" eb="17">
      <t>ゲイノウ</t>
    </rPh>
    <rPh sb="17" eb="19">
      <t>ハッピョウ</t>
    </rPh>
    <rPh sb="20" eb="21">
      <t>バ</t>
    </rPh>
    <rPh sb="22" eb="24">
      <t>テイキョウ</t>
    </rPh>
    <phoneticPr fontId="2"/>
  </si>
  <si>
    <t>第35回ソフトバレーボール大会</t>
    <rPh sb="0" eb="1">
      <t>ダイ</t>
    </rPh>
    <rPh sb="3" eb="4">
      <t>カイ</t>
    </rPh>
    <rPh sb="13" eb="15">
      <t>タイカイ</t>
    </rPh>
    <phoneticPr fontId="2"/>
  </si>
  <si>
    <t>ソフトバレーボール大会（6人制：3セットマッチ）
※幅広い年齢層にニュースポーツに親しむ機会を提供し、健康の増進や住民相互のふれあい、地域に根ざした生涯スポーツの振興を図ることを目的とする。</t>
    <rPh sb="9" eb="11">
      <t>タイカイ</t>
    </rPh>
    <rPh sb="13" eb="15">
      <t>ニンセイ</t>
    </rPh>
    <phoneticPr fontId="2"/>
  </si>
  <si>
    <t>星槎レイクアリーナ箱根</t>
    <rPh sb="0" eb="2">
      <t>セイサ</t>
    </rPh>
    <rPh sb="9" eb="11">
      <t>ハコネ</t>
    </rPh>
    <phoneticPr fontId="2"/>
  </si>
  <si>
    <t>南温泉荘バス停</t>
    <rPh sb="0" eb="4">
      <t>ミナミオンセンソウ</t>
    </rPh>
    <rPh sb="6" eb="7">
      <t>テイ</t>
    </rPh>
    <phoneticPr fontId="2"/>
  </si>
  <si>
    <t>箱根町教育委員会</t>
    <rPh sb="0" eb="3">
      <t>ハコネマチ</t>
    </rPh>
    <rPh sb="3" eb="8">
      <t>キョウイクイインカイ</t>
    </rPh>
    <phoneticPr fontId="2"/>
  </si>
  <si>
    <t>町内在住・在勤者</t>
    <rPh sb="0" eb="2">
      <t>チョウナイ</t>
    </rPh>
    <rPh sb="2" eb="4">
      <t>ザイジュウ</t>
    </rPh>
    <rPh sb="5" eb="7">
      <t>ザイキン</t>
    </rPh>
    <rPh sb="7" eb="8">
      <t>シャ</t>
    </rPh>
    <phoneticPr fontId="2"/>
  </si>
  <si>
    <t>箱根町教育委員会生涯学習課</t>
    <rPh sb="0" eb="3">
      <t>ハコネマチ</t>
    </rPh>
    <rPh sb="3" eb="8">
      <t>キョウイクイインカイ</t>
    </rPh>
    <rPh sb="8" eb="13">
      <t>ショウガイガクシュウカ</t>
    </rPh>
    <phoneticPr fontId="2"/>
  </si>
  <si>
    <t>第64回町民文化祭</t>
    <rPh sb="0" eb="1">
      <t>ダイ</t>
    </rPh>
    <rPh sb="3" eb="4">
      <t>カイ</t>
    </rPh>
    <rPh sb="4" eb="6">
      <t>チョウミン</t>
    </rPh>
    <rPh sb="6" eb="9">
      <t>ブンカサイ</t>
    </rPh>
    <phoneticPr fontId="2"/>
  </si>
  <si>
    <t>絵画や手工芸、生け花などの展示のほか、フルートの演奏会やフラダンスの披露など
※町内において、文化・芸術などの分野で活動されている方々に、日ごろの生涯学習活動の成果を発表する機会を提供し、町民の生涯学習に対する意識の向上を目指すとともに、文化・芸術に関する意識の高揚を図ることを目的とする。</t>
    <rPh sb="0" eb="2">
      <t>カイガ</t>
    </rPh>
    <rPh sb="3" eb="6">
      <t>シュコウゲイ</t>
    </rPh>
    <rPh sb="7" eb="8">
      <t>イ</t>
    </rPh>
    <rPh sb="9" eb="10">
      <t>バナ</t>
    </rPh>
    <rPh sb="13" eb="15">
      <t>テンジ</t>
    </rPh>
    <rPh sb="24" eb="27">
      <t>エンソウカイ</t>
    </rPh>
    <rPh sb="34" eb="36">
      <t>ヒロウ</t>
    </rPh>
    <phoneticPr fontId="2"/>
  </si>
  <si>
    <t>社会教育センター</t>
    <rPh sb="0" eb="4">
      <t>シャカイキョウイク</t>
    </rPh>
    <phoneticPr fontId="2"/>
  </si>
  <si>
    <t>二の平入口バス停</t>
    <rPh sb="0" eb="1">
      <t>ニ</t>
    </rPh>
    <rPh sb="2" eb="3">
      <t>タイラ</t>
    </rPh>
    <rPh sb="3" eb="5">
      <t>イリグチ</t>
    </rPh>
    <rPh sb="7" eb="8">
      <t>テイ</t>
    </rPh>
    <phoneticPr fontId="2"/>
  </si>
  <si>
    <t>箱根町教育委員会生涯学習課社会教育センター</t>
    <rPh sb="0" eb="3">
      <t>ハコネマチ</t>
    </rPh>
    <rPh sb="3" eb="8">
      <t>キョウイクイインカイ</t>
    </rPh>
    <rPh sb="8" eb="13">
      <t>ショウガイガクシュウカ</t>
    </rPh>
    <rPh sb="13" eb="17">
      <t>シャカイキョウイク</t>
    </rPh>
    <phoneticPr fontId="2"/>
  </si>
  <si>
    <t>真鶴町民運動会</t>
    <rPh sb="0" eb="2">
      <t>マナヅル</t>
    </rPh>
    <rPh sb="2" eb="4">
      <t>チョウミン</t>
    </rPh>
    <rPh sb="4" eb="7">
      <t>ウンドウカイ</t>
    </rPh>
    <phoneticPr fontId="2"/>
  </si>
  <si>
    <t>町民が一堂に会し、様々な協議を通して相互の親睦と、個々の健康増進を図ります。</t>
    <rPh sb="0" eb="2">
      <t>チョウミン</t>
    </rPh>
    <rPh sb="3" eb="5">
      <t>イチドウ</t>
    </rPh>
    <rPh sb="6" eb="7">
      <t>カイ</t>
    </rPh>
    <rPh sb="9" eb="11">
      <t>サマザマ</t>
    </rPh>
    <rPh sb="12" eb="14">
      <t>キョウギ</t>
    </rPh>
    <rPh sb="15" eb="16">
      <t>トオ</t>
    </rPh>
    <rPh sb="18" eb="20">
      <t>ソウゴ</t>
    </rPh>
    <rPh sb="21" eb="23">
      <t>シンボク</t>
    </rPh>
    <rPh sb="25" eb="27">
      <t>ココ</t>
    </rPh>
    <rPh sb="28" eb="32">
      <t>ケンコウゾウシン</t>
    </rPh>
    <rPh sb="33" eb="34">
      <t>ハカ</t>
    </rPh>
    <phoneticPr fontId="2"/>
  </si>
  <si>
    <t>真鶴中学校グラウンド</t>
    <rPh sb="0" eb="5">
      <t>マナヅルチュウガッコウ</t>
    </rPh>
    <phoneticPr fontId="2"/>
  </si>
  <si>
    <t>JR東海道線
真鶴駅</t>
    <rPh sb="2" eb="6">
      <t>トウカイドウセン</t>
    </rPh>
    <rPh sb="7" eb="10">
      <t>マナヅルエキ</t>
    </rPh>
    <phoneticPr fontId="2"/>
  </si>
  <si>
    <t>真鶴町教育委員会</t>
    <rPh sb="0" eb="3">
      <t>マナヅルマチ</t>
    </rPh>
    <rPh sb="3" eb="8">
      <t>キョウイクイインカイ</t>
    </rPh>
    <phoneticPr fontId="2"/>
  </si>
  <si>
    <t>真鶴町民</t>
    <rPh sb="0" eb="2">
      <t>マナヅル</t>
    </rPh>
    <rPh sb="2" eb="4">
      <t>チョウミン</t>
    </rPh>
    <phoneticPr fontId="2"/>
  </si>
  <si>
    <t>真鶴町教育委員会</t>
    <rPh sb="0" eb="8">
      <t>マナヅルマチキョウイクイインカイ</t>
    </rPh>
    <phoneticPr fontId="2"/>
  </si>
  <si>
    <t>真鶴町民文化祭</t>
    <rPh sb="0" eb="2">
      <t>マナヅル</t>
    </rPh>
    <rPh sb="2" eb="7">
      <t>チョウミンブンカサイ</t>
    </rPh>
    <phoneticPr fontId="2"/>
  </si>
  <si>
    <t>公民館等で活動するサークル・団体の日頃の成果の発表の場として展示や公演を実施し、文化の香り高いまちづくりに向けた県民の交流の場とします。</t>
    <rPh sb="0" eb="4">
      <t>コウミンカントウ</t>
    </rPh>
    <rPh sb="5" eb="7">
      <t>カツドウ</t>
    </rPh>
    <rPh sb="14" eb="16">
      <t>ダンタイ</t>
    </rPh>
    <rPh sb="17" eb="19">
      <t>ヒゴロ</t>
    </rPh>
    <rPh sb="20" eb="22">
      <t>セイカ</t>
    </rPh>
    <rPh sb="23" eb="25">
      <t>ハッピョウ</t>
    </rPh>
    <rPh sb="26" eb="27">
      <t>バ</t>
    </rPh>
    <rPh sb="30" eb="32">
      <t>テンジ</t>
    </rPh>
    <rPh sb="33" eb="35">
      <t>コウエン</t>
    </rPh>
    <rPh sb="36" eb="38">
      <t>ジッシ</t>
    </rPh>
    <rPh sb="40" eb="42">
      <t>ブンカ</t>
    </rPh>
    <rPh sb="43" eb="44">
      <t>カオ</t>
    </rPh>
    <rPh sb="45" eb="46">
      <t>タカ</t>
    </rPh>
    <rPh sb="53" eb="54">
      <t>ム</t>
    </rPh>
    <rPh sb="56" eb="58">
      <t>ケンミン</t>
    </rPh>
    <rPh sb="59" eb="61">
      <t>コウリュウ</t>
    </rPh>
    <rPh sb="62" eb="63">
      <t>バ</t>
    </rPh>
    <phoneticPr fontId="2"/>
  </si>
  <si>
    <t>真鶴町民センター</t>
    <rPh sb="0" eb="2">
      <t>マナヅル</t>
    </rPh>
    <rPh sb="2" eb="4">
      <t>チョウミン</t>
    </rPh>
    <phoneticPr fontId="2"/>
  </si>
  <si>
    <t>文化・芸術に関心のある方</t>
    <rPh sb="0" eb="2">
      <t>ブンカ</t>
    </rPh>
    <rPh sb="3" eb="5">
      <t>ゲイジュツ</t>
    </rPh>
    <rPh sb="6" eb="8">
      <t>カンシン</t>
    </rPh>
    <rPh sb="11" eb="12">
      <t>カタ</t>
    </rPh>
    <phoneticPr fontId="2"/>
  </si>
  <si>
    <t>義務教育学校開校に向けた講演会</t>
    <rPh sb="0" eb="8">
      <t>ギムキョウイクガッコウカイコウ</t>
    </rPh>
    <rPh sb="9" eb="10">
      <t>ム</t>
    </rPh>
    <rPh sb="12" eb="15">
      <t>コウエンカイ</t>
    </rPh>
    <phoneticPr fontId="2"/>
  </si>
  <si>
    <t>真鶴町の義務教育学校がめざす、「子どもたち一人一人の自己肯定感の醸成」のために必要なことは何か、教職員、保護者、地域住民が一緒になって考える場を設けます。</t>
    <rPh sb="0" eb="2">
      <t>マナヅル</t>
    </rPh>
    <rPh sb="2" eb="3">
      <t>マチ</t>
    </rPh>
    <rPh sb="4" eb="10">
      <t>ギムキョウイクガッコウ</t>
    </rPh>
    <rPh sb="16" eb="17">
      <t>コ</t>
    </rPh>
    <rPh sb="21" eb="25">
      <t>ヒトリヒトリ</t>
    </rPh>
    <rPh sb="26" eb="31">
      <t>ジココウテイカン</t>
    </rPh>
    <rPh sb="32" eb="34">
      <t>ジョウセイ</t>
    </rPh>
    <rPh sb="39" eb="41">
      <t>ヒツヨウ</t>
    </rPh>
    <rPh sb="45" eb="46">
      <t>ナニ</t>
    </rPh>
    <rPh sb="48" eb="51">
      <t>キョウショクイン</t>
    </rPh>
    <rPh sb="52" eb="55">
      <t>ホゴシャ</t>
    </rPh>
    <rPh sb="56" eb="60">
      <t>チイキジュウミン</t>
    </rPh>
    <rPh sb="61" eb="63">
      <t>イッショ</t>
    </rPh>
    <rPh sb="67" eb="68">
      <t>カンガ</t>
    </rPh>
    <rPh sb="70" eb="71">
      <t>バ</t>
    </rPh>
    <rPh sb="72" eb="73">
      <t>モウ</t>
    </rPh>
    <phoneticPr fontId="2"/>
  </si>
  <si>
    <t>真鶴の教育に関心のある方</t>
    <rPh sb="0" eb="2">
      <t>マナヅル</t>
    </rPh>
    <rPh sb="3" eb="5">
      <t>キョウイク</t>
    </rPh>
    <rPh sb="6" eb="8">
      <t>カンシン</t>
    </rPh>
    <rPh sb="11" eb="12">
      <t>カタ</t>
    </rPh>
    <phoneticPr fontId="2"/>
  </si>
  <si>
    <t>湯河原町文化祭</t>
    <rPh sb="0" eb="4">
      <t>ユガワラマチ</t>
    </rPh>
    <rPh sb="4" eb="7">
      <t>ブンカサイ</t>
    </rPh>
    <phoneticPr fontId="2"/>
  </si>
  <si>
    <t>町内文化団体を中心に、文化活動、成果の発表の場として開催し、文化水準の向上を図ります。</t>
    <rPh sb="0" eb="6">
      <t>チョウナイブンカダンタイ</t>
    </rPh>
    <rPh sb="7" eb="9">
      <t>チュウシン</t>
    </rPh>
    <rPh sb="11" eb="15">
      <t>ブンカカツドウ</t>
    </rPh>
    <rPh sb="16" eb="18">
      <t>セイカ</t>
    </rPh>
    <rPh sb="19" eb="21">
      <t>ハッピョウ</t>
    </rPh>
    <rPh sb="22" eb="23">
      <t>バ</t>
    </rPh>
    <rPh sb="26" eb="28">
      <t>カイサイ</t>
    </rPh>
    <rPh sb="30" eb="34">
      <t>ブンカスイジュン</t>
    </rPh>
    <rPh sb="35" eb="37">
      <t>コウジョウ</t>
    </rPh>
    <rPh sb="38" eb="39">
      <t>ハカ</t>
    </rPh>
    <phoneticPr fontId="2"/>
  </si>
  <si>
    <t>2025/10/1</t>
    <phoneticPr fontId="2"/>
  </si>
  <si>
    <t>2025/11/30</t>
    <phoneticPr fontId="2"/>
  </si>
  <si>
    <t>湯河原町防災コミュニティセンター、湯河原町立図書館、町内地域会館</t>
    <rPh sb="0" eb="4">
      <t>ユガワラマチ</t>
    </rPh>
    <rPh sb="4" eb="6">
      <t>ボウサイ</t>
    </rPh>
    <rPh sb="30" eb="31">
      <t>カイ</t>
    </rPh>
    <phoneticPr fontId="2"/>
  </si>
  <si>
    <t>各展示会場による</t>
    <rPh sb="1" eb="5">
      <t>テンジカイジョウ</t>
    </rPh>
    <phoneticPr fontId="2"/>
  </si>
  <si>
    <t>湯河原町教育委員会</t>
  </si>
  <si>
    <t>湯河原町教育委員会
社会教育課</t>
    <phoneticPr fontId="2"/>
  </si>
  <si>
    <t>湯河原町音楽会</t>
    <rPh sb="0" eb="4">
      <t>ユガワラマチ</t>
    </rPh>
    <rPh sb="4" eb="7">
      <t>オンガクカイ</t>
    </rPh>
    <phoneticPr fontId="2"/>
  </si>
  <si>
    <t>湯河原町に音楽を広め、音楽交流会を通して町民の文化の向上とふれあいを図ることを目的として開催し、サークル活動を中心としてアマチュアの団体等が参加します。</t>
    <rPh sb="0" eb="4">
      <t>ユガワラマチ</t>
    </rPh>
    <rPh sb="5" eb="7">
      <t>オンガク</t>
    </rPh>
    <rPh sb="8" eb="9">
      <t>ヒロ</t>
    </rPh>
    <rPh sb="11" eb="16">
      <t>オンガクコウリュウカイ</t>
    </rPh>
    <rPh sb="17" eb="18">
      <t>トオ</t>
    </rPh>
    <rPh sb="20" eb="22">
      <t>チョウミン</t>
    </rPh>
    <rPh sb="23" eb="25">
      <t>ブンカ</t>
    </rPh>
    <rPh sb="26" eb="28">
      <t>コウジョウ</t>
    </rPh>
    <rPh sb="34" eb="35">
      <t>ハカ</t>
    </rPh>
    <rPh sb="39" eb="41">
      <t>モクテキ</t>
    </rPh>
    <rPh sb="44" eb="46">
      <t>カイサイ</t>
    </rPh>
    <rPh sb="52" eb="54">
      <t>カツドウ</t>
    </rPh>
    <rPh sb="55" eb="57">
      <t>チュウシン</t>
    </rPh>
    <rPh sb="66" eb="69">
      <t>ダンタイトウ</t>
    </rPh>
    <rPh sb="70" eb="72">
      <t>サンカ</t>
    </rPh>
    <phoneticPr fontId="2"/>
  </si>
  <si>
    <t>2025/11/3</t>
    <phoneticPr fontId="2"/>
  </si>
  <si>
    <t>湯河原町民体育館</t>
  </si>
  <si>
    <t>最寄バス停
中央二丁目</t>
  </si>
  <si>
    <t>湯河原町民大学</t>
    <rPh sb="0" eb="4">
      <t>ユガワラマチ</t>
    </rPh>
    <rPh sb="4" eb="7">
      <t>ミンダイガク</t>
    </rPh>
    <phoneticPr fontId="2"/>
  </si>
  <si>
    <t>毎月第３土曜日に、明るい、住みよい、美しい、そして観光都市としても誇れる町づくりを目指し、各界で活躍の講師を招き、幅広い分野の内容を分かりやすくご講義していただきます。</t>
    <rPh sb="0" eb="3">
      <t>マイツキダイ</t>
    </rPh>
    <rPh sb="4" eb="7">
      <t>ドヨウビ</t>
    </rPh>
    <rPh sb="9" eb="10">
      <t>アカ</t>
    </rPh>
    <rPh sb="13" eb="14">
      <t>ス</t>
    </rPh>
    <rPh sb="18" eb="19">
      <t>ウツク</t>
    </rPh>
    <rPh sb="25" eb="27">
      <t>カンコウ</t>
    </rPh>
    <rPh sb="27" eb="29">
      <t>トシ</t>
    </rPh>
    <rPh sb="33" eb="34">
      <t>ホコ</t>
    </rPh>
    <rPh sb="36" eb="37">
      <t>マチ</t>
    </rPh>
    <rPh sb="41" eb="43">
      <t>メザ</t>
    </rPh>
    <rPh sb="45" eb="47">
      <t>カクカイ</t>
    </rPh>
    <rPh sb="48" eb="50">
      <t>カツヤク</t>
    </rPh>
    <rPh sb="51" eb="53">
      <t>コウシ</t>
    </rPh>
    <rPh sb="54" eb="55">
      <t>マネ</t>
    </rPh>
    <rPh sb="57" eb="59">
      <t>ハバヒロ</t>
    </rPh>
    <rPh sb="60" eb="62">
      <t>ブンヤ</t>
    </rPh>
    <rPh sb="63" eb="65">
      <t>ナイヨウ</t>
    </rPh>
    <rPh sb="66" eb="67">
      <t>ワ</t>
    </rPh>
    <rPh sb="73" eb="75">
      <t>コウギ</t>
    </rPh>
    <phoneticPr fontId="2"/>
  </si>
  <si>
    <t>2025/4/19</t>
    <phoneticPr fontId="2"/>
  </si>
  <si>
    <t>2026/3/21</t>
    <phoneticPr fontId="2"/>
  </si>
  <si>
    <t>湯河原町防災コミュニティセンター</t>
    <rPh sb="0" eb="3">
      <t>ユガワラ</t>
    </rPh>
    <rPh sb="3" eb="4">
      <t>マチ</t>
    </rPh>
    <rPh sb="4" eb="6">
      <t>ボウサイ</t>
    </rPh>
    <phoneticPr fontId="2"/>
  </si>
  <si>
    <t>町内在住・在勤の方</t>
    <rPh sb="8" eb="9">
      <t>カタ</t>
    </rPh>
    <phoneticPr fontId="2"/>
  </si>
  <si>
    <t>湯河原町</t>
    <rPh sb="0" eb="4">
      <t>ユガワラマチ</t>
    </rPh>
    <phoneticPr fontId="2"/>
  </si>
  <si>
    <t>ファミリーバドミントン教室</t>
    <rPh sb="11" eb="13">
      <t>キョウシツ</t>
    </rPh>
    <phoneticPr fontId="2"/>
  </si>
  <si>
    <t>子どもや高齢者、初心者でも参加できるファミリーバドミントンの普及啓発のため、教室を開催しています。</t>
  </si>
  <si>
    <t>湯河原町民体育館</t>
    <rPh sb="0" eb="3">
      <t>ユガワラ</t>
    </rPh>
    <rPh sb="3" eb="5">
      <t>チョウミン</t>
    </rPh>
    <rPh sb="5" eb="8">
      <t>タイイクカン</t>
    </rPh>
    <phoneticPr fontId="2"/>
  </si>
  <si>
    <t>最寄バス停
中央二丁目</t>
    <rPh sb="0" eb="2">
      <t>モヨリ</t>
    </rPh>
    <rPh sb="4" eb="5">
      <t>テイ</t>
    </rPh>
    <rPh sb="6" eb="8">
      <t>チュウオウ</t>
    </rPh>
    <rPh sb="8" eb="11">
      <t>ニチョウメ</t>
    </rPh>
    <phoneticPr fontId="2"/>
  </si>
  <si>
    <t>湯河原町教育委員会</t>
    <rPh sb="0" eb="4">
      <t>ユガワラマチ</t>
    </rPh>
    <rPh sb="4" eb="9">
      <t>キョウイクイインカイ</t>
    </rPh>
    <phoneticPr fontId="2"/>
  </si>
  <si>
    <t>町内在住の老若男女</t>
    <rPh sb="0" eb="2">
      <t>チョウナイ</t>
    </rPh>
    <rPh sb="2" eb="4">
      <t>ザイジュウ</t>
    </rPh>
    <rPh sb="5" eb="9">
      <t>ロウニャクナンニョ</t>
    </rPh>
    <phoneticPr fontId="2"/>
  </si>
  <si>
    <t>湯河原町教育委員会
社会教育課</t>
    <rPh sb="0" eb="9">
      <t>ユガワラマチキョウイクイインカイ</t>
    </rPh>
    <rPh sb="10" eb="15">
      <t>シャカイキョウイクカ</t>
    </rPh>
    <phoneticPr fontId="2"/>
  </si>
  <si>
    <t>スポーツ・レクリエーションフェスティバル</t>
    <phoneticPr fontId="2"/>
  </si>
  <si>
    <t>様々なジャンルのニュースポーツに、幅広い世代が触れ合う機会を提供し、健康づくりとスポーツ振興の効果を高めるため、開催します。</t>
    <rPh sb="0" eb="2">
      <t>サマザマ</t>
    </rPh>
    <rPh sb="17" eb="18">
      <t>ハバ</t>
    </rPh>
    <rPh sb="18" eb="19">
      <t>ヒロ</t>
    </rPh>
    <rPh sb="20" eb="22">
      <t>セダイ</t>
    </rPh>
    <rPh sb="23" eb="24">
      <t>フ</t>
    </rPh>
    <rPh sb="25" eb="26">
      <t>ア</t>
    </rPh>
    <rPh sb="27" eb="29">
      <t>キカイ</t>
    </rPh>
    <rPh sb="30" eb="32">
      <t>テイキョウ</t>
    </rPh>
    <rPh sb="34" eb="36">
      <t>ケンコウ</t>
    </rPh>
    <rPh sb="44" eb="46">
      <t>シンコウ</t>
    </rPh>
    <rPh sb="47" eb="49">
      <t>コウカ</t>
    </rPh>
    <rPh sb="50" eb="51">
      <t>タカ</t>
    </rPh>
    <rPh sb="56" eb="58">
      <t>カイサイ</t>
    </rPh>
    <phoneticPr fontId="2"/>
  </si>
  <si>
    <t>湯河原町教育委員会</t>
    <rPh sb="0" eb="9">
      <t>ユガワラマチキョウイクイインカイ</t>
    </rPh>
    <phoneticPr fontId="2"/>
  </si>
  <si>
    <t>スポーツフェスティバル</t>
    <phoneticPr fontId="2"/>
  </si>
  <si>
    <t>一般町民にスポーツ協会の日頃のスポーツ活動を理解してもらうとともに、体験やゲームを通じて、本町のスポーツの普及を図ることを目的に、ラウンドダンス等を実施します。</t>
    <rPh sb="0" eb="2">
      <t>イッパン</t>
    </rPh>
    <rPh sb="2" eb="4">
      <t>チョウミン</t>
    </rPh>
    <rPh sb="9" eb="11">
      <t>キョウカイ</t>
    </rPh>
    <rPh sb="12" eb="14">
      <t>ヒゴロ</t>
    </rPh>
    <rPh sb="19" eb="21">
      <t>カツドウ</t>
    </rPh>
    <rPh sb="22" eb="24">
      <t>リカイ</t>
    </rPh>
    <rPh sb="34" eb="36">
      <t>タイケン</t>
    </rPh>
    <rPh sb="41" eb="42">
      <t>ツウ</t>
    </rPh>
    <rPh sb="45" eb="47">
      <t>ホンチョウ</t>
    </rPh>
    <rPh sb="53" eb="55">
      <t>フキュウ</t>
    </rPh>
    <rPh sb="56" eb="57">
      <t>ハカ</t>
    </rPh>
    <rPh sb="61" eb="63">
      <t>モクテキ</t>
    </rPh>
    <rPh sb="72" eb="73">
      <t>トウ</t>
    </rPh>
    <rPh sb="74" eb="76">
      <t>ジッシ</t>
    </rPh>
    <phoneticPr fontId="2"/>
  </si>
  <si>
    <t>湯河原町民体育館、他</t>
    <rPh sb="0" eb="3">
      <t>ユガワラ</t>
    </rPh>
    <rPh sb="3" eb="8">
      <t>チョウミンタイイクカン</t>
    </rPh>
    <rPh sb="9" eb="10">
      <t>ホカ</t>
    </rPh>
    <phoneticPr fontId="2"/>
  </si>
  <si>
    <t>各競技による</t>
    <rPh sb="0" eb="1">
      <t>カク</t>
    </rPh>
    <rPh sb="1" eb="3">
      <t>キョウギ</t>
    </rPh>
    <phoneticPr fontId="2"/>
  </si>
  <si>
    <t>体育協会会員及び
各種競技に関心のある人</t>
    <rPh sb="0" eb="4">
      <t>タイイクキョウカイ</t>
    </rPh>
    <rPh sb="4" eb="6">
      <t>カイイン</t>
    </rPh>
    <rPh sb="6" eb="7">
      <t>オヨ</t>
    </rPh>
    <rPh sb="9" eb="11">
      <t>カクシュ</t>
    </rPh>
    <rPh sb="11" eb="13">
      <t>キョウギ</t>
    </rPh>
    <rPh sb="14" eb="16">
      <t>カンシン</t>
    </rPh>
    <rPh sb="19" eb="20">
      <t>ヒト</t>
    </rPh>
    <phoneticPr fontId="2"/>
  </si>
  <si>
    <t>赤ちゃんのおはなし会</t>
    <rPh sb="0" eb="1">
      <t>アカ</t>
    </rPh>
    <rPh sb="9" eb="10">
      <t>カイ</t>
    </rPh>
    <phoneticPr fontId="2"/>
  </si>
  <si>
    <t>図書館職員とボランティアによる絵本の読み聞かせとわらべうた</t>
    <rPh sb="0" eb="3">
      <t>トショカン</t>
    </rPh>
    <rPh sb="3" eb="5">
      <t>ショクイン</t>
    </rPh>
    <rPh sb="15" eb="17">
      <t>エホン</t>
    </rPh>
    <rPh sb="18" eb="19">
      <t>ヨ</t>
    </rPh>
    <rPh sb="20" eb="21">
      <t>キ</t>
    </rPh>
    <phoneticPr fontId="2"/>
  </si>
  <si>
    <t>湯河原町立図書館</t>
    <rPh sb="0" eb="3">
      <t>ユガワラ</t>
    </rPh>
    <rPh sb="3" eb="5">
      <t>チョウリツ</t>
    </rPh>
    <rPh sb="5" eb="8">
      <t>トショカン</t>
    </rPh>
    <phoneticPr fontId="2"/>
  </si>
  <si>
    <t>JR湯河原駅</t>
    <rPh sb="2" eb="5">
      <t>ユガワラ</t>
    </rPh>
    <rPh sb="5" eb="6">
      <t>エキ</t>
    </rPh>
    <phoneticPr fontId="2"/>
  </si>
  <si>
    <t>2歳までの子どもと保護者</t>
    <rPh sb="1" eb="2">
      <t>サイ</t>
    </rPh>
    <rPh sb="5" eb="6">
      <t>コ</t>
    </rPh>
    <rPh sb="9" eb="12">
      <t>ホゴシャ</t>
    </rPh>
    <phoneticPr fontId="2"/>
  </si>
  <si>
    <t>https://www.town.yugawara.kanagawa.jp/site/tosyokan/1824.html</t>
    <phoneticPr fontId="2"/>
  </si>
  <si>
    <t>ノスタルジックコンサート</t>
    <phoneticPr fontId="2"/>
  </si>
  <si>
    <t>アナログレコードで懐かしの音楽を楽しむ</t>
    <rPh sb="9" eb="10">
      <t>ナツ</t>
    </rPh>
    <rPh sb="13" eb="15">
      <t>オンガク</t>
    </rPh>
    <rPh sb="16" eb="17">
      <t>タノ</t>
    </rPh>
    <phoneticPr fontId="2"/>
  </si>
  <si>
    <t>午後の朗読</t>
    <rPh sb="0" eb="2">
      <t>ゴゴ</t>
    </rPh>
    <rPh sb="3" eb="5">
      <t>ロウドク</t>
    </rPh>
    <phoneticPr fontId="2"/>
  </si>
  <si>
    <t>朗読ボランティアによる文芸作品の朗読を楽しむ</t>
    <rPh sb="0" eb="2">
      <t>ロウドク</t>
    </rPh>
    <rPh sb="11" eb="13">
      <t>ブンゲイ</t>
    </rPh>
    <rPh sb="13" eb="15">
      <t>サクヒン</t>
    </rPh>
    <rPh sb="16" eb="18">
      <t>ロウドク</t>
    </rPh>
    <rPh sb="19" eb="20">
      <t>タノ</t>
    </rPh>
    <phoneticPr fontId="2"/>
  </si>
  <si>
    <t>写実と幻想の風景画</t>
    <phoneticPr fontId="2"/>
  </si>
  <si>
    <t>　 平松はこれまで故郷の哀愁を帯びた情景や身近な自然、都市のビル群など多くの風景を描いてきました。作品は、現地での写実的なスケッチからアトリエでの制作過程の中で自身の感性を投影させ、理想や追憶など多くの思いを風景の中に反映させています。実風景からどう変化したのか、作家のどのような心理を投影させているのか想像してみませんか。</t>
    <phoneticPr fontId="2"/>
  </si>
  <si>
    <t>町立湯河原美術館</t>
    <rPh sb="0" eb="8">
      <t>チョウリツユガワラビジュツカン</t>
    </rPh>
    <phoneticPr fontId="2"/>
  </si>
  <si>
    <t>町立湯河原美術館</t>
    <rPh sb="0" eb="2">
      <t>チョウリツ</t>
    </rPh>
    <rPh sb="2" eb="5">
      <t>ユガワラ</t>
    </rPh>
    <rPh sb="5" eb="8">
      <t>ビジュツカン</t>
    </rPh>
    <phoneticPr fontId="2"/>
  </si>
  <si>
    <t>有料</t>
    <rPh sb="0" eb="2">
      <t>ユウリョウ</t>
    </rPh>
    <phoneticPr fontId="2"/>
  </si>
  <si>
    <t>https://www.town.yugawara.kanagawa.jp/site/museum</t>
  </si>
  <si>
    <t>むかし、旅館でした。</t>
    <phoneticPr fontId="2"/>
  </si>
  <si>
    <t>なぜ当館の建物は古く、天井は低く、展示室は細長いのでしょう。当館を訪れた方がなんとなく感じられるこの種の疑問…当館は明治創業の老舗旅館「天野屋」の建物を改装した美術館ゆえ…。かつて旅館の敷地内に住居兼アトリエを構えていた竹内栖鳳の作品、宿泊した夏目漱石の書、牛田雞村が手掛けた旅館室内の舞台絵や襖絵など、当館の収蔵資料は旅館との関わりが深いものです。当館ならではのユニークな歴史をもつ作品を選りすぐって紹介します。</t>
    <phoneticPr fontId="2"/>
  </si>
  <si>
    <t xml:space="preserve">湯河原十景＋(プラス) </t>
    <phoneticPr fontId="2"/>
  </si>
  <si>
    <t>2016年から平松は“残したい風景”として湯河原町内各地をスケッチし、「湯河原十景」という作品群をまとめました。本画とスケッチ、16年以前に描いた湯河原の風景もあわせて紹介します。画家の目を通して描かれた湯河原は美しく、魅力を再発見できるのではないでしょうか。色彩豊かに描かれた四季の風景をお楽しみください。</t>
    <phoneticPr fontId="2"/>
  </si>
  <si>
    <t>『橋のない川』さしえ展</t>
    <phoneticPr fontId="2"/>
  </si>
  <si>
    <t xml:space="preserve">
平松礼二は、30代の頃より新聞小説の挿絵や雑誌・書籍の表紙絵といった仕事も多く手掛けています。今回はその中から、住井すゑのベストセラー小説『橋のない川』（1992年 新潮社）によせた挿絵の原画を初公開します。墨で描かれた素朴な味わいのカット絵は、彩色豊かな大画面の作風で知られる平松の、また別の側面をみせてくれるでしょう。</t>
    <phoneticPr fontId="2"/>
  </si>
  <si>
    <t>第25回城下町おだわらツーデーマーチ</t>
    <rPh sb="0" eb="1">
      <t>ダイ</t>
    </rPh>
    <rPh sb="3" eb="4">
      <t>カイ</t>
    </rPh>
    <rPh sb="4" eb="7">
      <t>ジョウカマチ</t>
    </rPh>
    <phoneticPr fontId="2"/>
  </si>
  <si>
    <t>城下町の風情や歴史、相模湾や富士山などの絶景を味わうことのできるウォーキングイベントです。自然に親しみながら、５～20ｋｍのコースを歩き、心と身体の健康づくりを目指します。</t>
    <rPh sb="0" eb="3">
      <t>ジョウカマチ</t>
    </rPh>
    <rPh sb="4" eb="6">
      <t>フゼイ</t>
    </rPh>
    <rPh sb="20" eb="22">
      <t>ゼッケイ</t>
    </rPh>
    <rPh sb="23" eb="24">
      <t>アジ</t>
    </rPh>
    <rPh sb="66" eb="67">
      <t>アル</t>
    </rPh>
    <rPh sb="80" eb="82">
      <t>メザナド</t>
    </rPh>
    <phoneticPr fontId="2"/>
  </si>
  <si>
    <t>小田原城址公園　銅門広場（主会場）</t>
    <phoneticPr fontId="2"/>
  </si>
  <si>
    <t>小田原駅</t>
    <rPh sb="0" eb="3">
      <t>オダワラ</t>
    </rPh>
    <rPh sb="3" eb="4">
      <t>エキ</t>
    </rPh>
    <phoneticPr fontId="2"/>
  </si>
  <si>
    <t>小田原市、小田原市教育委員会、箱根町、箱根町教育委員会、湯河原町、湯河原町教育委員会、(一社)日本ウオーキング協会、朝日新聞社</t>
    <phoneticPr fontId="2"/>
  </si>
  <si>
    <t>・当日、健康な状態で参加できる方（ただし、小学生以下は保護者等責任者が同伴）
・大会の決まり、ルール、ウォーキングマナーを守れる方</t>
    <phoneticPr fontId="2"/>
  </si>
  <si>
    <t>城下町おだわらツーデーマーチ実行委員会</t>
    <phoneticPr fontId="2"/>
  </si>
  <si>
    <t>https://odawara2dm.com/</t>
    <phoneticPr fontId="2"/>
  </si>
  <si>
    <t>プチロボで競走しよう！座間大会</t>
    <phoneticPr fontId="2"/>
  </si>
  <si>
    <t>ロボットを組み立てて専用コースでタイムを競います。</t>
    <phoneticPr fontId="2"/>
  </si>
  <si>
    <t>神奈川県立青少年センター・座間市こども未来部こども育成課</t>
    <rPh sb="0" eb="3">
      <t>カナガワ</t>
    </rPh>
    <rPh sb="3" eb="4">
      <t>ケン</t>
    </rPh>
    <rPh sb="4" eb="5">
      <t>リツ</t>
    </rPh>
    <rPh sb="5" eb="8">
      <t>セイショウネン</t>
    </rPh>
    <rPh sb="13" eb="16">
      <t>ザマシ</t>
    </rPh>
    <rPh sb="19" eb="21">
      <t>ミライ</t>
    </rPh>
    <rPh sb="21" eb="22">
      <t>ブ</t>
    </rPh>
    <rPh sb="25" eb="27">
      <t>イクセイ</t>
    </rPh>
    <rPh sb="27" eb="28">
      <t>カ</t>
    </rPh>
    <phoneticPr fontId="2"/>
  </si>
  <si>
    <t>県内在住・在学の小学3～6年生</t>
    <phoneticPr fontId="2"/>
  </si>
  <si>
    <t>神奈川県立青少年センター科学部　科学支援課</t>
    <rPh sb="0" eb="4">
      <t>カナガワケン</t>
    </rPh>
    <rPh sb="4" eb="5">
      <t>リツ</t>
    </rPh>
    <rPh sb="5" eb="8">
      <t>セイショウネン</t>
    </rPh>
    <rPh sb="12" eb="15">
      <t>カガクブ</t>
    </rPh>
    <rPh sb="16" eb="18">
      <t>カガク</t>
    </rPh>
    <rPh sb="18" eb="20">
      <t>シエン</t>
    </rPh>
    <rPh sb="20" eb="21">
      <t>カ</t>
    </rPh>
    <phoneticPr fontId="2"/>
  </si>
  <si>
    <t>健康体操</t>
    <rPh sb="0" eb="4">
      <t>ケンコウタイソウ</t>
    </rPh>
    <phoneticPr fontId="17"/>
  </si>
  <si>
    <t>高齢者を対象とした健康体操の体験会です。</t>
    <rPh sb="0" eb="3">
      <t>コウレイシャ</t>
    </rPh>
    <rPh sb="4" eb="6">
      <t>タイショウ</t>
    </rPh>
    <rPh sb="9" eb="13">
      <t>ケンコウタイソウ</t>
    </rPh>
    <rPh sb="14" eb="17">
      <t>タイケンカイ</t>
    </rPh>
    <phoneticPr fontId="17"/>
  </si>
  <si>
    <t>2025/9/21
2025/10/23
2025/11/20</t>
    <phoneticPr fontId="17"/>
  </si>
  <si>
    <t>県立三ツ池公園
　芝生広場</t>
    <rPh sb="0" eb="2">
      <t>ケンリツ</t>
    </rPh>
    <rPh sb="2" eb="3">
      <t>ミ</t>
    </rPh>
    <rPh sb="4" eb="7">
      <t>イケコウエン</t>
    </rPh>
    <rPh sb="9" eb="13">
      <t>シバフヒロバ</t>
    </rPh>
    <phoneticPr fontId="17"/>
  </si>
  <si>
    <t>JR鶴見駅から三ツ池公園行バス「公園正門」下車</t>
    <rPh sb="2" eb="4">
      <t>ツルミ</t>
    </rPh>
    <rPh sb="4" eb="5">
      <t>エキ</t>
    </rPh>
    <rPh sb="7" eb="8">
      <t>ミ</t>
    </rPh>
    <rPh sb="9" eb="10">
      <t>イケ</t>
    </rPh>
    <rPh sb="10" eb="12">
      <t>コウエン</t>
    </rPh>
    <rPh sb="12" eb="13">
      <t>ユキ</t>
    </rPh>
    <rPh sb="16" eb="18">
      <t>コウエン</t>
    </rPh>
    <rPh sb="18" eb="20">
      <t>セイモン</t>
    </rPh>
    <rPh sb="21" eb="23">
      <t>ゲシャ</t>
    </rPh>
    <phoneticPr fontId="17"/>
  </si>
  <si>
    <t>公益財団法人神奈川県公園協会・株式会社石勝エクステリア・株式会社サカタのタネグリーンサービス株式会社グループ</t>
    <rPh sb="0" eb="2">
      <t>コウエキ</t>
    </rPh>
    <rPh sb="2" eb="4">
      <t>ザイダン</t>
    </rPh>
    <rPh sb="4" eb="6">
      <t>ホウジン</t>
    </rPh>
    <rPh sb="6" eb="9">
      <t>カナガワ</t>
    </rPh>
    <rPh sb="15" eb="19">
      <t>カブ</t>
    </rPh>
    <rPh sb="28" eb="32">
      <t>カブ</t>
    </rPh>
    <rPh sb="46" eb="50">
      <t>カブ</t>
    </rPh>
    <phoneticPr fontId="17"/>
  </si>
  <si>
    <t>高齢者</t>
    <rPh sb="0" eb="2">
      <t>コウレイ</t>
    </rPh>
    <rPh sb="2" eb="3">
      <t>シャ</t>
    </rPh>
    <phoneticPr fontId="17"/>
  </si>
  <si>
    <t>三ツ池公園パークセンター</t>
    <rPh sb="0" eb="1">
      <t>ミ</t>
    </rPh>
    <rPh sb="2" eb="3">
      <t>イケ</t>
    </rPh>
    <rPh sb="3" eb="5">
      <t>コウエン</t>
    </rPh>
    <phoneticPr fontId="17"/>
  </si>
  <si>
    <t>https://www.kanagawa-park.or.jp/mitsuike/</t>
    <phoneticPr fontId="17"/>
  </si>
  <si>
    <t>走り方教室</t>
    <rPh sb="0" eb="1">
      <t>ハシ</t>
    </rPh>
    <rPh sb="2" eb="3">
      <t>カタ</t>
    </rPh>
    <rPh sb="3" eb="5">
      <t>キョウシツ</t>
    </rPh>
    <phoneticPr fontId="17"/>
  </si>
  <si>
    <t>小学生を対象とした、走り方の指導教室です。</t>
    <phoneticPr fontId="17"/>
  </si>
  <si>
    <t>県立三ツ池公園
　多目的広場</t>
    <rPh sb="0" eb="2">
      <t>ケンリツ</t>
    </rPh>
    <rPh sb="2" eb="3">
      <t>ミ</t>
    </rPh>
    <rPh sb="4" eb="7">
      <t>イケコウエン</t>
    </rPh>
    <rPh sb="9" eb="12">
      <t>タモクテキ</t>
    </rPh>
    <rPh sb="12" eb="14">
      <t>ヒロバ</t>
    </rPh>
    <phoneticPr fontId="17"/>
  </si>
  <si>
    <t>小学生</t>
    <rPh sb="0" eb="3">
      <t>ショウガクセイ</t>
    </rPh>
    <phoneticPr fontId="17"/>
  </si>
  <si>
    <t>東京2025デフリンピック直前イベント＆壮行会inかながわ
～応援しよう、デフリンピック！スポーツでつながろう！～</t>
    <phoneticPr fontId="2"/>
  </si>
  <si>
    <t>東京2025デフリンピック直前時期でのイベント実施及び同イベント内で神奈川県ゆかり選手の壮行会を開催します。</t>
    <phoneticPr fontId="2"/>
  </si>
  <si>
    <t>クイーンズサークル</t>
    <phoneticPr fontId="2"/>
  </si>
  <si>
    <t>みなとみらい駅</t>
    <rPh sb="6" eb="7">
      <t>エキ</t>
    </rPh>
    <phoneticPr fontId="2"/>
  </si>
  <si>
    <t>神奈川県</t>
    <rPh sb="0" eb="4">
      <t>カナガワケン</t>
    </rPh>
    <phoneticPr fontId="2"/>
  </si>
  <si>
    <t>どなたでも参加できます</t>
    <rPh sb="5" eb="7">
      <t>サンカ</t>
    </rPh>
    <phoneticPr fontId="2"/>
  </si>
  <si>
    <t>神奈川県文化スポーツ観光局スポーツ課健康・パラスポーツグループ</t>
    <rPh sb="0" eb="4">
      <t>カナガワケン</t>
    </rPh>
    <rPh sb="4" eb="6">
      <t>ブンカ</t>
    </rPh>
    <rPh sb="10" eb="12">
      <t>カンコウ</t>
    </rPh>
    <rPh sb="12" eb="13">
      <t>キョク</t>
    </rPh>
    <rPh sb="17" eb="18">
      <t>カ</t>
    </rPh>
    <rPh sb="18" eb="20">
      <t>ケンコウ</t>
    </rPh>
    <phoneticPr fontId="2"/>
  </si>
  <si>
    <t>https://www.pref.kanagawa.jp/docs/tz5/kanagawa_deaflympics/index.html</t>
    <phoneticPr fontId="2"/>
  </si>
  <si>
    <t>星空教室</t>
    <rPh sb="0" eb="2">
      <t>ホシゾラ</t>
    </rPh>
    <rPh sb="2" eb="4">
      <t>キョウシツ</t>
    </rPh>
    <phoneticPr fontId="2"/>
  </si>
  <si>
    <t>青少年センター（横浜・紅葉ケ丘）の屋上から月や惑星、各季節の星などを観察する講座です。その日に見られる星の解説をした後、屋上にて天体望遠鏡を使い、観察します。</t>
    <phoneticPr fontId="2"/>
  </si>
  <si>
    <t>2025/10/25</t>
    <phoneticPr fontId="2"/>
  </si>
  <si>
    <t>青少年センター（横浜　紅葉ケ丘)</t>
    <phoneticPr fontId="2"/>
  </si>
  <si>
    <t>青少年センター科学部科学支援課</t>
    <phoneticPr fontId="2"/>
  </si>
  <si>
    <t>小学生以上（中学生以下は保護者同伴）</t>
    <rPh sb="0" eb="3">
      <t>ショウガクセイ</t>
    </rPh>
    <rPh sb="3" eb="5">
      <t>イジョウ</t>
    </rPh>
    <rPh sb="6" eb="9">
      <t>チュウガクセイ</t>
    </rPh>
    <rPh sb="9" eb="11">
      <t>イカ</t>
    </rPh>
    <rPh sb="12" eb="15">
      <t>ホゴシャ</t>
    </rPh>
    <rPh sb="15" eb="17">
      <t>ドウハン</t>
    </rPh>
    <phoneticPr fontId="2"/>
  </si>
  <si>
    <t>神奈川県立青少年センター科学部科学支援課</t>
    <phoneticPr fontId="2"/>
  </si>
  <si>
    <t>https://www.pref.kanagawa.jp/docs/ch3/kagaku/index.html</t>
  </si>
  <si>
    <t>2025/11/2</t>
    <phoneticPr fontId="2"/>
  </si>
  <si>
    <t>高校生天体観測講習会</t>
    <rPh sb="0" eb="3">
      <t>コウコウセイ</t>
    </rPh>
    <rPh sb="3" eb="5">
      <t>テンタイ</t>
    </rPh>
    <rPh sb="5" eb="7">
      <t>カンソク</t>
    </rPh>
    <rPh sb="7" eb="10">
      <t>コウシュウカイ</t>
    </rPh>
    <phoneticPr fontId="2"/>
  </si>
  <si>
    <t>青少年センター（横浜・紅葉ケ丘）の屋上で、天体望遠鏡の扱い方や観測について学べる基礎実習を行います。</t>
    <rPh sb="21" eb="23">
      <t>テンタイ</t>
    </rPh>
    <rPh sb="23" eb="26">
      <t>ボウエンキョウ</t>
    </rPh>
    <rPh sb="27" eb="28">
      <t>アツカ</t>
    </rPh>
    <rPh sb="29" eb="30">
      <t>カタ</t>
    </rPh>
    <rPh sb="31" eb="33">
      <t>カンソク</t>
    </rPh>
    <rPh sb="37" eb="38">
      <t>マナ</t>
    </rPh>
    <rPh sb="40" eb="42">
      <t>キソ</t>
    </rPh>
    <rPh sb="42" eb="44">
      <t>ジッシュウ</t>
    </rPh>
    <rPh sb="45" eb="46">
      <t>オコナ</t>
    </rPh>
    <phoneticPr fontId="2"/>
  </si>
  <si>
    <t>2025/10/4</t>
    <phoneticPr fontId="2"/>
  </si>
  <si>
    <t>高校生</t>
    <rPh sb="0" eb="3">
      <t>コウコウセイ</t>
    </rPh>
    <phoneticPr fontId="2"/>
  </si>
  <si>
    <t>青少年のためのロボフェスタ2025</t>
    <rPh sb="0" eb="3">
      <t>セイショウネン</t>
    </rPh>
    <phoneticPr fontId="2"/>
  </si>
  <si>
    <t>ロボット技術や科学技術の楽しさを実感できるような体験・展示等を行います。</t>
    <rPh sb="4" eb="6">
      <t>ギジュツ</t>
    </rPh>
    <rPh sb="7" eb="9">
      <t>カガク</t>
    </rPh>
    <rPh sb="9" eb="11">
      <t>ギジュツ</t>
    </rPh>
    <rPh sb="12" eb="13">
      <t>タノ</t>
    </rPh>
    <rPh sb="16" eb="18">
      <t>ジッカン</t>
    </rPh>
    <rPh sb="24" eb="26">
      <t>タイケン</t>
    </rPh>
    <rPh sb="27" eb="30">
      <t>テンジナド</t>
    </rPh>
    <rPh sb="31" eb="32">
      <t>オコナ</t>
    </rPh>
    <phoneticPr fontId="2"/>
  </si>
  <si>
    <t>小学生～高校生</t>
    <rPh sb="0" eb="3">
      <t>ショウガクセイ</t>
    </rPh>
    <rPh sb="4" eb="7">
      <t>コウコウセイ</t>
    </rPh>
    <phoneticPr fontId="2"/>
  </si>
  <si>
    <t>https://www.pref.kanagawa.jp/docs/ch3/kagaku/index.html</t>
    <phoneticPr fontId="2"/>
  </si>
  <si>
    <t>音楽堂ヘリテージ・コンサート
ジャン＝エフラム・バヴゼ　ピアノ・リサイタル
モーリス・ラヴェル生誕150年記念</t>
    <phoneticPr fontId="2"/>
  </si>
  <si>
    <t>世界の至宝と言われるクラシックの名手を、美しい音響と名建築で知られる神奈川県立音楽堂で聴く上質なクラシックコンサート。日本でも人気の作曲家ラヴェルの生誕150年にあわせ、フランスの名手がオール・ラヴェルによるリサイタルを開く。</t>
    <rPh sb="0" eb="2">
      <t>セカイ</t>
    </rPh>
    <rPh sb="3" eb="5">
      <t>シホウ</t>
    </rPh>
    <rPh sb="6" eb="7">
      <t>イ</t>
    </rPh>
    <rPh sb="16" eb="18">
      <t>メイシュ</t>
    </rPh>
    <rPh sb="20" eb="21">
      <t>ウツク</t>
    </rPh>
    <rPh sb="23" eb="25">
      <t>オンキョウ</t>
    </rPh>
    <rPh sb="26" eb="29">
      <t>メイケンチク</t>
    </rPh>
    <rPh sb="30" eb="31">
      <t>シ</t>
    </rPh>
    <rPh sb="34" eb="39">
      <t>カナガワケンリツ</t>
    </rPh>
    <rPh sb="39" eb="42">
      <t>オンガクドウ</t>
    </rPh>
    <rPh sb="43" eb="44">
      <t>キ</t>
    </rPh>
    <rPh sb="45" eb="47">
      <t>ジョウシツ</t>
    </rPh>
    <rPh sb="59" eb="61">
      <t>ニホン</t>
    </rPh>
    <rPh sb="63" eb="65">
      <t>ニンキ</t>
    </rPh>
    <rPh sb="66" eb="69">
      <t>サッキョクカ</t>
    </rPh>
    <rPh sb="74" eb="76">
      <t>セイタン</t>
    </rPh>
    <rPh sb="79" eb="80">
      <t>ネン</t>
    </rPh>
    <rPh sb="90" eb="92">
      <t>メイシュ</t>
    </rPh>
    <rPh sb="110" eb="111">
      <t>ヒラ</t>
    </rPh>
    <phoneticPr fontId="2"/>
  </si>
  <si>
    <t>神奈川県立音楽堂</t>
    <rPh sb="0" eb="8">
      <t>カナガワケンリツオンガクドウ</t>
    </rPh>
    <phoneticPr fontId="2"/>
  </si>
  <si>
    <t>桜木町駅、日ノ出町駅</t>
    <rPh sb="0" eb="3">
      <t>サクラギチョウ</t>
    </rPh>
    <rPh sb="3" eb="4">
      <t>エキ</t>
    </rPh>
    <rPh sb="5" eb="6">
      <t>ヒ</t>
    </rPh>
    <rPh sb="7" eb="9">
      <t>デチョウ</t>
    </rPh>
    <rPh sb="9" eb="10">
      <t>エキ</t>
    </rPh>
    <phoneticPr fontId="2"/>
  </si>
  <si>
    <t>公益財団法人神奈川芸術文化財団</t>
    <rPh sb="0" eb="4">
      <t>コウエキザイダン</t>
    </rPh>
    <rPh sb="4" eb="6">
      <t>ホウジン</t>
    </rPh>
    <phoneticPr fontId="2"/>
  </si>
  <si>
    <t>音楽に興味のある人</t>
    <rPh sb="0" eb="2">
      <t>オンガク</t>
    </rPh>
    <rPh sb="3" eb="5">
      <t>キョウミ</t>
    </rPh>
    <rPh sb="8" eb="9">
      <t>ヒト</t>
    </rPh>
    <phoneticPr fontId="2"/>
  </si>
  <si>
    <t xml:space="preserve">
チケットかながわ </t>
    <phoneticPr fontId="2"/>
  </si>
  <si>
    <t>https://www.kanagawa-ongakudo.com/d/bavouzet</t>
    <phoneticPr fontId="2"/>
  </si>
  <si>
    <t>横浜市
西区</t>
    <phoneticPr fontId="2"/>
  </si>
  <si>
    <t>音楽堂ヘリテージ・コンサート
ナタリー・デセイ＆フィリップ・カサール
デュオ・リサイタ</t>
    <phoneticPr fontId="2"/>
  </si>
  <si>
    <t>世界の至宝と言われるクラシックの名手を、美しい音響と名建築で知られる神奈川県立音楽堂で聴く上質なクラシックコンサート。「世界のディーバ（歌姫）」と言われる名ソプラノ歌手による最後の日本ツアー。</t>
    <rPh sb="60" eb="62">
      <t>セカイ</t>
    </rPh>
    <rPh sb="68" eb="70">
      <t>ウタヒメ</t>
    </rPh>
    <rPh sb="73" eb="74">
      <t>イ</t>
    </rPh>
    <rPh sb="77" eb="78">
      <t>メイ</t>
    </rPh>
    <rPh sb="82" eb="84">
      <t>カシュ</t>
    </rPh>
    <rPh sb="87" eb="89">
      <t>サイゴ</t>
    </rPh>
    <rPh sb="90" eb="92">
      <t>ニホン</t>
    </rPh>
    <phoneticPr fontId="2"/>
  </si>
  <si>
    <t>https://www.kanagawa-ongakudo.com/d/dessay</t>
    <phoneticPr fontId="2"/>
  </si>
  <si>
    <t>大人のための音楽堂
音楽堂の空間で大人がしっとりと音楽にひたる一日</t>
    <phoneticPr fontId="2"/>
  </si>
  <si>
    <t>音楽堂で楽しむしっとりした大人の休日、をテーマに、クラシックからジャズまで様々な音楽家が登場する、働き世代も含めて趣味と教養を拡げる滞在型コンサート。</t>
    <rPh sb="0" eb="3">
      <t>オンガクドウ</t>
    </rPh>
    <rPh sb="4" eb="5">
      <t>タノ</t>
    </rPh>
    <rPh sb="13" eb="15">
      <t>オトナ</t>
    </rPh>
    <rPh sb="16" eb="18">
      <t>キュウジツ</t>
    </rPh>
    <rPh sb="37" eb="39">
      <t>サマザマ</t>
    </rPh>
    <rPh sb="40" eb="43">
      <t>オンガクカ</t>
    </rPh>
    <rPh sb="44" eb="46">
      <t>トウジョウ</t>
    </rPh>
    <rPh sb="49" eb="50">
      <t>ハタラ</t>
    </rPh>
    <rPh sb="51" eb="53">
      <t>セダイ</t>
    </rPh>
    <rPh sb="54" eb="55">
      <t>フク</t>
    </rPh>
    <rPh sb="57" eb="59">
      <t>シュミ</t>
    </rPh>
    <rPh sb="60" eb="62">
      <t>キョウヨウ</t>
    </rPh>
    <rPh sb="63" eb="64">
      <t>ヒロ</t>
    </rPh>
    <rPh sb="66" eb="69">
      <t>タイザイガタ</t>
    </rPh>
    <phoneticPr fontId="2"/>
  </si>
  <si>
    <t>https://www.kanagawa-ongakudo.com/d/otona2025</t>
    <phoneticPr fontId="2"/>
  </si>
  <si>
    <t>かながわ音楽コンクール
トップコンサート</t>
    <rPh sb="4" eb="6">
      <t>オンガク</t>
    </rPh>
    <phoneticPr fontId="2"/>
  </si>
  <si>
    <t>「かながわ音楽コンクール」は「技巧より感性」を合言葉に、神奈川県内における音楽教育の向上・優れた音楽的才能の発掘・音楽の普及を目的として1985年に創設されました。各部門の上位入賞者３名程が神奈川フィルハーモニー管弦楽団と協奏曲を共演します。</t>
    <phoneticPr fontId="2"/>
  </si>
  <si>
    <t>神奈川県立音楽堂</t>
    <rPh sb="0" eb="5">
      <t>カナガワケンリツ</t>
    </rPh>
    <rPh sb="5" eb="8">
      <t>オンガクドウ</t>
    </rPh>
    <phoneticPr fontId="2"/>
  </si>
  <si>
    <t>神奈川新聞社・かながわ音楽コンクール運営委員会</t>
    <phoneticPr fontId="2"/>
  </si>
  <si>
    <t>かながわ音楽コンクール事務局（神奈川新聞社内）</t>
    <phoneticPr fontId="2"/>
  </si>
  <si>
    <t>https://www.kanaloco.jp/kanacon/</t>
    <phoneticPr fontId="2"/>
  </si>
  <si>
    <t>人形浄瑠璃文楽</t>
  </si>
  <si>
    <t>文化芸術の鑑賞機会の充実と活動の場づくりの一環として、県民の伝統文化への理解を促進し、継承、発展への機運を盛り上げるために、世代を超えて様式が継承されてきた伝統芸能の中から、ユネスコ無形文化遺産に登録された「人形浄瑠璃文楽」を紹介します。</t>
  </si>
  <si>
    <t>神奈川県立青少年センター紅葉坂ホール</t>
    <rPh sb="0" eb="5">
      <t>カナガワケンリツ</t>
    </rPh>
    <rPh sb="5" eb="8">
      <t>セイショウネン</t>
    </rPh>
    <rPh sb="12" eb="15">
      <t>モミジザカ</t>
    </rPh>
    <phoneticPr fontId="2"/>
  </si>
  <si>
    <t>桜木町駅</t>
    <rPh sb="0" eb="4">
      <t>サクラギチョウエキ</t>
    </rPh>
    <phoneticPr fontId="2"/>
  </si>
  <si>
    <t>かながわ伝統芸能祭実行委員会（事務局：神奈川県文化課）</t>
    <rPh sb="15" eb="18">
      <t>ジムキョク</t>
    </rPh>
    <rPh sb="19" eb="23">
      <t>カナガワケン</t>
    </rPh>
    <rPh sb="23" eb="25">
      <t>ブンカ</t>
    </rPh>
    <rPh sb="25" eb="26">
      <t>カ</t>
    </rPh>
    <phoneticPr fontId="2"/>
  </si>
  <si>
    <t>県立青少年センターホール運営課</t>
    <rPh sb="0" eb="5">
      <t>ンリツセイショウネン</t>
    </rPh>
    <rPh sb="12" eb="15">
      <t>ウンエイカ</t>
    </rPh>
    <phoneticPr fontId="2"/>
  </si>
  <si>
    <t>http://www.pref.kanagawa.jp/docs/yi4/dentougeinou/bunraku2025.html</t>
  </si>
  <si>
    <t>2025年度ヒューマンサービス公開講座（秋期）</t>
    <phoneticPr fontId="2"/>
  </si>
  <si>
    <t>「ひと」としての尊厳を大切にするヒューマンサービスの理念を広く共有するため、県民の皆様を対象とした公開講座を開講しています。</t>
    <phoneticPr fontId="2"/>
  </si>
  <si>
    <t>横浜情報文化センター６階　情文ホール</t>
  </si>
  <si>
    <t>日本大通り駅</t>
  </si>
  <si>
    <t>公立大学法人神奈川県立保健福祉大学</t>
    <rPh sb="0" eb="6">
      <t>コウリツダイガクホウジン</t>
    </rPh>
    <rPh sb="6" eb="17">
      <t>カナガワケンリツホケンフクシダイガク</t>
    </rPh>
    <phoneticPr fontId="2"/>
  </si>
  <si>
    <t>神奈川県立保健福祉大学 企画・地域貢献課</t>
    <rPh sb="0" eb="4">
      <t>カナガワケン</t>
    </rPh>
    <rPh sb="4" eb="5">
      <t>リツ</t>
    </rPh>
    <rPh sb="5" eb="11">
      <t>ホケンフクシダイガク</t>
    </rPh>
    <rPh sb="12" eb="14">
      <t>キカク</t>
    </rPh>
    <rPh sb="15" eb="20">
      <t>チイキコウケンカ</t>
    </rPh>
    <phoneticPr fontId="2"/>
  </si>
  <si>
    <t>https://www.kuhs.ac.jp/cooperation/extention/humanservice/</t>
  </si>
  <si>
    <t>KAAT神奈川芸術劇場プロデュース
『最後のドン・キホーテ THE LAST REMAKE of Don Quixote』</t>
    <phoneticPr fontId="2"/>
  </si>
  <si>
    <t>個性的演出家として注目されるけらりーの・サンドロヴィッチが個性と実力を兼ね備えた俳優陣により、セルバンテスの名作「ドン・キホーテ」の新制作に挑む。</t>
    <rPh sb="0" eb="3">
      <t>コセイテキ</t>
    </rPh>
    <rPh sb="3" eb="6">
      <t>エンシュツカ</t>
    </rPh>
    <rPh sb="9" eb="11">
      <t>チュウモク</t>
    </rPh>
    <rPh sb="29" eb="31">
      <t>コセイ</t>
    </rPh>
    <rPh sb="32" eb="34">
      <t>ジツリョク</t>
    </rPh>
    <rPh sb="35" eb="36">
      <t>カ</t>
    </rPh>
    <rPh sb="37" eb="38">
      <t>ソナ</t>
    </rPh>
    <rPh sb="40" eb="43">
      <t>ハイユウジン</t>
    </rPh>
    <rPh sb="54" eb="56">
      <t>メイサク</t>
    </rPh>
    <rPh sb="66" eb="69">
      <t>シンセイサク</t>
    </rPh>
    <rPh sb="70" eb="71">
      <t>イド</t>
    </rPh>
    <phoneticPr fontId="2"/>
  </si>
  <si>
    <t>KAAT神奈川芸術劇場</t>
    <rPh sb="4" eb="9">
      <t>カナガワゲイジュツ</t>
    </rPh>
    <rPh sb="9" eb="11">
      <t>ゲキジョウ</t>
    </rPh>
    <phoneticPr fontId="2"/>
  </si>
  <si>
    <t>日本大通り駅</t>
    <rPh sb="0" eb="2">
      <t>ニホン</t>
    </rPh>
    <rPh sb="2" eb="4">
      <t>オオドオ</t>
    </rPh>
    <rPh sb="5" eb="6">
      <t>エキ</t>
    </rPh>
    <phoneticPr fontId="2"/>
  </si>
  <si>
    <t>演劇に興味のある人</t>
    <rPh sb="0" eb="2">
      <t>エンゲキ</t>
    </rPh>
    <rPh sb="3" eb="5">
      <t>キョウミ</t>
    </rPh>
    <rPh sb="8" eb="9">
      <t>ヒト</t>
    </rPh>
    <phoneticPr fontId="2"/>
  </si>
  <si>
    <t>https://www.kaat.jp/d/don_quixote</t>
    <phoneticPr fontId="2"/>
  </si>
  <si>
    <t>横浜市
中区</t>
    <phoneticPr fontId="2"/>
  </si>
  <si>
    <t>KAAT EXHIBITION 2025
大小島真木展｜あなたの胞衣はどこに埋まっていますか？</t>
    <phoneticPr fontId="2"/>
  </si>
  <si>
    <t>「劇場におけるアート」として開館以来KAATが取り組んできた、スタジオ等の空間を活用して行う、気鋭の美術作家による現代美術展覧会。</t>
    <rPh sb="1" eb="3">
      <t>ゲキジョウ</t>
    </rPh>
    <rPh sb="14" eb="16">
      <t>カイカン</t>
    </rPh>
    <rPh sb="16" eb="18">
      <t>イライ</t>
    </rPh>
    <rPh sb="23" eb="24">
      <t>ト</t>
    </rPh>
    <rPh sb="25" eb="26">
      <t>ク</t>
    </rPh>
    <rPh sb="35" eb="36">
      <t>トウ</t>
    </rPh>
    <rPh sb="37" eb="39">
      <t>クウカン</t>
    </rPh>
    <rPh sb="40" eb="42">
      <t>カツヨウ</t>
    </rPh>
    <rPh sb="44" eb="45">
      <t>オコナ</t>
    </rPh>
    <rPh sb="47" eb="49">
      <t>キエイ</t>
    </rPh>
    <rPh sb="50" eb="54">
      <t>ビジュツサッカ</t>
    </rPh>
    <rPh sb="57" eb="61">
      <t>ゲンダイビジュツ</t>
    </rPh>
    <rPh sb="61" eb="64">
      <t>テンランカイ</t>
    </rPh>
    <phoneticPr fontId="2"/>
  </si>
  <si>
    <t>https://www.kaat.jp/d/ena</t>
    <phoneticPr fontId="2"/>
  </si>
  <si>
    <t>KAAT DANCE SERIES
『CARCAÇA（カルカサ）』</t>
    <phoneticPr fontId="2"/>
  </si>
  <si>
    <t>ポルトガルから招へいした、さまざまな出自と経歴を持つダンサーたちによるダイナミックなステップと力強い歌声が交錯し、ポルトガルの歴史とアイデンティティを鮮烈に描き出す
アフロ、ブレイキング、フラメンコ、ヴォーギング、クドゥーロなどのジャンルにまたがる、10人のダンサーと2人のミュージシャンが限界まで身体を鳴らし、ポルトガルという国の「過去」と「現在」、そして「未来」までも鮮やかに立ち上げる舞台作品。</t>
    <rPh sb="7" eb="8">
      <t>ショウ</t>
    </rPh>
    <rPh sb="195" eb="199">
      <t>ブタイサクヒン</t>
    </rPh>
    <phoneticPr fontId="2"/>
  </si>
  <si>
    <t>https://www.kaat.jp/d/carcaca</t>
    <phoneticPr fontId="2"/>
  </si>
  <si>
    <t>KAAT×城山羊の会
『勝手に唾が出てくる甘さ』</t>
    <phoneticPr fontId="2"/>
  </si>
  <si>
    <t>2022年11月、KAATで上演し大好評を得た『温暖化の秋 -hot autumn-』（読売文学賞・シナリオ戯曲部門受賞）から3年、遂に待望の山内ケンジ作・演出の新作を上演。</t>
    <phoneticPr fontId="2"/>
  </si>
  <si>
    <t>https://www.kaat.jp/news_detail/2759</t>
    <phoneticPr fontId="2"/>
  </si>
  <si>
    <t>バレーボール大会
「イチョウ杯」</t>
    <rPh sb="6" eb="8">
      <t>タイカイ</t>
    </rPh>
    <rPh sb="14" eb="15">
      <t>ハイ</t>
    </rPh>
    <phoneticPr fontId="17"/>
  </si>
  <si>
    <t>・バレーボール大会を通じたスポーツ及び健康増進を図ります。
・年代毎(50代,60代,70代,一般)に対戦します。</t>
    <rPh sb="7" eb="9">
      <t>タイカイ</t>
    </rPh>
    <rPh sb="10" eb="11">
      <t>ツウ</t>
    </rPh>
    <rPh sb="17" eb="18">
      <t>オヨ</t>
    </rPh>
    <rPh sb="19" eb="21">
      <t>ケンコウ</t>
    </rPh>
    <rPh sb="21" eb="23">
      <t>ゾウシン</t>
    </rPh>
    <rPh sb="24" eb="25">
      <t>ハカ</t>
    </rPh>
    <rPh sb="31" eb="33">
      <t>ネンダイ</t>
    </rPh>
    <rPh sb="33" eb="34">
      <t>ゴト</t>
    </rPh>
    <rPh sb="37" eb="38">
      <t>ダイ</t>
    </rPh>
    <rPh sb="41" eb="42">
      <t>ダイ</t>
    </rPh>
    <rPh sb="45" eb="46">
      <t>ダイ</t>
    </rPh>
    <rPh sb="47" eb="49">
      <t>イッパン</t>
    </rPh>
    <rPh sb="51" eb="53">
      <t>タイセン</t>
    </rPh>
    <phoneticPr fontId="17"/>
  </si>
  <si>
    <t>県立保土ケ谷公園
体育館</t>
    <rPh sb="0" eb="2">
      <t>ケンリツ</t>
    </rPh>
    <rPh sb="2" eb="6">
      <t>ホドガヤ</t>
    </rPh>
    <rPh sb="6" eb="8">
      <t>コウエン</t>
    </rPh>
    <rPh sb="9" eb="12">
      <t>タイイクカン</t>
    </rPh>
    <phoneticPr fontId="17"/>
  </si>
  <si>
    <t>JR横浜駅から保土ケ谷駅西口行きバス「保土ケ谷野球場前」下車</t>
    <rPh sb="2" eb="5">
      <t>ヨコハマエキ</t>
    </rPh>
    <rPh sb="7" eb="11">
      <t>ホドガヤ</t>
    </rPh>
    <rPh sb="11" eb="12">
      <t>エキ</t>
    </rPh>
    <rPh sb="12" eb="14">
      <t>ニシグチ</t>
    </rPh>
    <rPh sb="14" eb="15">
      <t>ユ</t>
    </rPh>
    <rPh sb="19" eb="23">
      <t>ホドガヤ</t>
    </rPh>
    <rPh sb="23" eb="26">
      <t>ヤキュウジョウ</t>
    </rPh>
    <rPh sb="26" eb="27">
      <t>マエ</t>
    </rPh>
    <rPh sb="28" eb="30">
      <t>ゲシャ</t>
    </rPh>
    <phoneticPr fontId="17"/>
  </si>
  <si>
    <t>公益財団法人神奈川県公園協会・株式会社サカタのタネグループ・株式会社オーチュー共同事業体</t>
    <rPh sb="0" eb="2">
      <t>コウエキ</t>
    </rPh>
    <rPh sb="2" eb="4">
      <t>ザイダン</t>
    </rPh>
    <rPh sb="4" eb="6">
      <t>ホウジン</t>
    </rPh>
    <rPh sb="15" eb="19">
      <t>カブ</t>
    </rPh>
    <rPh sb="30" eb="34">
      <t>カブ</t>
    </rPh>
    <rPh sb="39" eb="41">
      <t>キョウドウ</t>
    </rPh>
    <rPh sb="41" eb="44">
      <t>ジギョウタイ</t>
    </rPh>
    <phoneticPr fontId="17"/>
  </si>
  <si>
    <t>50代,60代,70代,一般</t>
    <phoneticPr fontId="17"/>
  </si>
  <si>
    <t>有料</t>
    <phoneticPr fontId="17"/>
  </si>
  <si>
    <t>要</t>
    <phoneticPr fontId="17"/>
  </si>
  <si>
    <t>保土ケ谷公園管理事務所</t>
    <rPh sb="0" eb="4">
      <t>ホドガヤ</t>
    </rPh>
    <rPh sb="4" eb="6">
      <t>コウエン</t>
    </rPh>
    <rPh sb="6" eb="8">
      <t>カンリ</t>
    </rPh>
    <rPh sb="8" eb="10">
      <t>ジム</t>
    </rPh>
    <rPh sb="10" eb="11">
      <t>ショ</t>
    </rPh>
    <phoneticPr fontId="17"/>
  </si>
  <si>
    <t>https://hodogaya-ibento-gallery.blogspot.com/2025/05/7.html</t>
    <phoneticPr fontId="17"/>
  </si>
  <si>
    <t>ラグビーW杯
レガシーフェスタ</t>
    <rPh sb="5" eb="6">
      <t>ハイ</t>
    </rPh>
    <phoneticPr fontId="17"/>
  </si>
  <si>
    <t>ラグビー体験・オープンスタジアムを通じたスポーツ及び健康増進を図ります。</t>
    <rPh sb="4" eb="6">
      <t>タイケン</t>
    </rPh>
    <rPh sb="17" eb="18">
      <t>ツウ</t>
    </rPh>
    <rPh sb="24" eb="25">
      <t>オヨ</t>
    </rPh>
    <rPh sb="26" eb="30">
      <t>ケンコウゾウシン</t>
    </rPh>
    <rPh sb="31" eb="32">
      <t>ハカ</t>
    </rPh>
    <phoneticPr fontId="17"/>
  </si>
  <si>
    <t>県立保土ケ谷公園
ラグビー場</t>
    <rPh sb="0" eb="2">
      <t>ケンリツ</t>
    </rPh>
    <rPh sb="2" eb="6">
      <t>ホドガヤ</t>
    </rPh>
    <rPh sb="6" eb="8">
      <t>コウエン</t>
    </rPh>
    <rPh sb="13" eb="14">
      <t>ジョウ</t>
    </rPh>
    <phoneticPr fontId="17"/>
  </si>
  <si>
    <t>一般</t>
    <rPh sb="0" eb="2">
      <t>イッパン</t>
    </rPh>
    <phoneticPr fontId="17"/>
  </si>
  <si>
    <t>無料</t>
    <rPh sb="0" eb="2">
      <t>ムリョウ</t>
    </rPh>
    <phoneticPr fontId="17"/>
  </si>
  <si>
    <t xml:space="preserve">https://www.kanagawa-park.or.jp/hodogaya/
</t>
    <phoneticPr fontId="17"/>
  </si>
  <si>
    <t>芝生ふれあいサッカー教室</t>
    <rPh sb="0" eb="2">
      <t>シバフ</t>
    </rPh>
    <rPh sb="10" eb="12">
      <t>キョウシツ</t>
    </rPh>
    <phoneticPr fontId="17"/>
  </si>
  <si>
    <t>初心者にも経験者にも楽しんでいただけるサッカー教室と天然芝の管理方法も学べる教室です。</t>
    <rPh sb="0" eb="3">
      <t>ショシンシャ</t>
    </rPh>
    <rPh sb="5" eb="8">
      <t>ケイケンシャ</t>
    </rPh>
    <rPh sb="10" eb="11">
      <t>タノ</t>
    </rPh>
    <rPh sb="23" eb="25">
      <t>キョウシツ</t>
    </rPh>
    <rPh sb="26" eb="29">
      <t>テンネンシバ</t>
    </rPh>
    <rPh sb="30" eb="34">
      <t>カンリホウホウ</t>
    </rPh>
    <rPh sb="35" eb="36">
      <t>マナ</t>
    </rPh>
    <rPh sb="38" eb="40">
      <t>キョウシツ</t>
    </rPh>
    <phoneticPr fontId="2"/>
  </si>
  <si>
    <t>県立保土ケ谷公園
サッカー場</t>
    <rPh sb="0" eb="2">
      <t>ケンリツ</t>
    </rPh>
    <rPh sb="2" eb="6">
      <t>ホドガヤ</t>
    </rPh>
    <rPh sb="6" eb="8">
      <t>コウエン</t>
    </rPh>
    <rPh sb="13" eb="14">
      <t>ジョウ</t>
    </rPh>
    <phoneticPr fontId="17"/>
  </si>
  <si>
    <t>https://www.kanagawa-park.or.jp/hodogaya/</t>
    <phoneticPr fontId="17"/>
  </si>
  <si>
    <t>写真とことば展「めんとむかって」</t>
    <rPh sb="0" eb="2">
      <t>シャシン</t>
    </rPh>
    <rPh sb="6" eb="7">
      <t>テン</t>
    </rPh>
    <phoneticPr fontId="2"/>
  </si>
  <si>
    <t>横浜市在住の写真家、中祖直子氏によるアートホールでは2度目の写真展です。病気や障害のある子のきょうだい「きょうだい児」に贈る親からのメッセージを写真に添えて展示します。</t>
    <rPh sb="0" eb="5">
      <t>ヨコハマシザイジュウ</t>
    </rPh>
    <rPh sb="6" eb="9">
      <t>シャシンカ</t>
    </rPh>
    <rPh sb="10" eb="12">
      <t>ナカソ</t>
    </rPh>
    <rPh sb="12" eb="14">
      <t>ナオコ</t>
    </rPh>
    <rPh sb="14" eb="15">
      <t>シ</t>
    </rPh>
    <rPh sb="27" eb="29">
      <t>ドメ</t>
    </rPh>
    <rPh sb="30" eb="33">
      <t>シャシンテン</t>
    </rPh>
    <rPh sb="36" eb="38">
      <t>ビョウキ</t>
    </rPh>
    <rPh sb="39" eb="41">
      <t>ショウガイ</t>
    </rPh>
    <rPh sb="44" eb="45">
      <t>コ</t>
    </rPh>
    <rPh sb="57" eb="58">
      <t>ジ</t>
    </rPh>
    <rPh sb="60" eb="61">
      <t>オク</t>
    </rPh>
    <rPh sb="62" eb="63">
      <t>オヤ</t>
    </rPh>
    <rPh sb="72" eb="74">
      <t>シャシン</t>
    </rPh>
    <rPh sb="75" eb="76">
      <t>ソ</t>
    </rPh>
    <rPh sb="78" eb="80">
      <t>テンジ</t>
    </rPh>
    <phoneticPr fontId="2"/>
  </si>
  <si>
    <t>かながわアートホール　2階展示ギャラリー</t>
    <rPh sb="12" eb="13">
      <t>カイ</t>
    </rPh>
    <rPh sb="13" eb="15">
      <t>テンジ</t>
    </rPh>
    <phoneticPr fontId="2"/>
  </si>
  <si>
    <t>市営バス「明神台」</t>
    <rPh sb="0" eb="2">
      <t>シエイ</t>
    </rPh>
    <rPh sb="5" eb="8">
      <t>ミョウジンダイ</t>
    </rPh>
    <phoneticPr fontId="2"/>
  </si>
  <si>
    <t>かながわアートホール</t>
    <phoneticPr fontId="2"/>
  </si>
  <si>
    <t>https://www.kanagawa-arthall.jp/event/5207/</t>
    <phoneticPr fontId="2"/>
  </si>
  <si>
    <t>ほどがや区民まつり　ステージイベント</t>
    <rPh sb="4" eb="6">
      <t>クミン</t>
    </rPh>
    <phoneticPr fontId="2"/>
  </si>
  <si>
    <t>区民バザールやフリーマーケットなど、保土ケ谷公園全体で様々なイベントを行います。アートホールでも「ステージイベント」と題し、ホール内での催しを開催します。</t>
    <rPh sb="0" eb="2">
      <t>クミン</t>
    </rPh>
    <rPh sb="18" eb="22">
      <t>ホドガヤ</t>
    </rPh>
    <rPh sb="22" eb="24">
      <t>コウエン</t>
    </rPh>
    <rPh sb="24" eb="26">
      <t>ゼンタイ</t>
    </rPh>
    <rPh sb="27" eb="29">
      <t>サマザマ</t>
    </rPh>
    <rPh sb="35" eb="36">
      <t>オコナ</t>
    </rPh>
    <rPh sb="59" eb="60">
      <t>ダイ</t>
    </rPh>
    <rPh sb="65" eb="66">
      <t>ナイ</t>
    </rPh>
    <rPh sb="68" eb="69">
      <t>モヨオ</t>
    </rPh>
    <rPh sb="71" eb="73">
      <t>カイサイ</t>
    </rPh>
    <phoneticPr fontId="2"/>
  </si>
  <si>
    <t>野外コンサート+（プラス）</t>
    <rPh sb="0" eb="2">
      <t>ヤガイ</t>
    </rPh>
    <phoneticPr fontId="2"/>
  </si>
  <si>
    <t>アートホールエントランス前のテラスを舞台に、日頃からアートホールを練習拠点にしている音楽団体の皆さまの演奏をお楽しみいただけます。</t>
    <phoneticPr fontId="2"/>
  </si>
  <si>
    <t>クラシックヨコハマ2025「プライズコンサートinかながわアートホール」</t>
    <phoneticPr fontId="2"/>
  </si>
  <si>
    <t>クラシックヨコハマ連携企画。昨年度の「全日本学生音楽コンクール」で横浜市民賞を受賞した方によるコンサート。若き演奏家たちの息づかいを感じながら、みずみずしい音楽をお楽しみいただけます。</t>
    <rPh sb="9" eb="11">
      <t>レンケイ</t>
    </rPh>
    <rPh sb="11" eb="13">
      <t>キカク</t>
    </rPh>
    <rPh sb="14" eb="17">
      <t>サクネンド</t>
    </rPh>
    <rPh sb="19" eb="22">
      <t>ゼンニホン</t>
    </rPh>
    <rPh sb="22" eb="24">
      <t>ガクセイ</t>
    </rPh>
    <rPh sb="24" eb="26">
      <t>オンガク</t>
    </rPh>
    <rPh sb="33" eb="35">
      <t>ヨコハマ</t>
    </rPh>
    <rPh sb="35" eb="38">
      <t>シミンショウ</t>
    </rPh>
    <rPh sb="39" eb="41">
      <t>ジュショウ</t>
    </rPh>
    <rPh sb="43" eb="44">
      <t>カタ</t>
    </rPh>
    <rPh sb="53" eb="54">
      <t>ワカ</t>
    </rPh>
    <rPh sb="55" eb="58">
      <t>エンソウカ</t>
    </rPh>
    <rPh sb="61" eb="62">
      <t>イキ</t>
    </rPh>
    <rPh sb="66" eb="67">
      <t>カン</t>
    </rPh>
    <rPh sb="78" eb="80">
      <t>オンガク</t>
    </rPh>
    <rPh sb="82" eb="83">
      <t>タノ</t>
    </rPh>
    <phoneticPr fontId="2"/>
  </si>
  <si>
    <t>【企画展示】
神奈川県と博覧会</t>
    <phoneticPr fontId="2"/>
  </si>
  <si>
    <t>明治以降、様々な博覧会に神奈川県は出展してきました。その記録となる公文書や刊行物等の資料を展示します。</t>
    <rPh sb="0" eb="2">
      <t>メイジ</t>
    </rPh>
    <rPh sb="2" eb="4">
      <t>イコウ</t>
    </rPh>
    <rPh sb="5" eb="7">
      <t>サマザマ</t>
    </rPh>
    <rPh sb="8" eb="11">
      <t>ハクランカイ</t>
    </rPh>
    <rPh sb="12" eb="16">
      <t>カナ</t>
    </rPh>
    <rPh sb="17" eb="19">
      <t>シュッテン</t>
    </rPh>
    <rPh sb="28" eb="30">
      <t>キロク</t>
    </rPh>
    <rPh sb="33" eb="36">
      <t>コウブンショ</t>
    </rPh>
    <rPh sb="37" eb="40">
      <t>カンコウブツ</t>
    </rPh>
    <rPh sb="40" eb="41">
      <t>トウ</t>
    </rPh>
    <rPh sb="42" eb="44">
      <t>シリョウ</t>
    </rPh>
    <rPh sb="45" eb="47">
      <t>テンジ</t>
    </rPh>
    <phoneticPr fontId="2"/>
  </si>
  <si>
    <t>神奈川県立公文書館展示室</t>
    <rPh sb="9" eb="12">
      <t>テンジシツ</t>
    </rPh>
    <phoneticPr fontId="2"/>
  </si>
  <si>
    <t>二俣川駅</t>
    <rPh sb="0" eb="3">
      <t>フタマタガワ</t>
    </rPh>
    <rPh sb="3" eb="4">
      <t>エキ</t>
    </rPh>
    <phoneticPr fontId="2"/>
  </si>
  <si>
    <t>神奈川県立公文書館</t>
  </si>
  <si>
    <t>神奈川県立公文書館資料課</t>
  </si>
  <si>
    <t>https://archives.pref.kanagawa.jp/</t>
    <phoneticPr fontId="2"/>
  </si>
  <si>
    <t>【収蔵資料展示】
[前期]続・神奈川の風景(仮)</t>
    <phoneticPr fontId="2"/>
  </si>
  <si>
    <t>1977年から20年間発行された県の広報誌『月刊かながわ』。その表紙には、県内各地の風景画が数多く掲載されました。その中から公文書館が収蔵する原画を展示します。</t>
    <rPh sb="4" eb="5">
      <t>ネン</t>
    </rPh>
    <rPh sb="9" eb="10">
      <t>ネン</t>
    </rPh>
    <rPh sb="10" eb="11">
      <t>カン</t>
    </rPh>
    <rPh sb="11" eb="13">
      <t>ハッコウ</t>
    </rPh>
    <rPh sb="16" eb="17">
      <t>ケン</t>
    </rPh>
    <rPh sb="18" eb="21">
      <t>コウホウシ</t>
    </rPh>
    <rPh sb="22" eb="24">
      <t>ゲッカン</t>
    </rPh>
    <rPh sb="32" eb="34">
      <t>ヒョウシ</t>
    </rPh>
    <rPh sb="37" eb="39">
      <t>ケンナイ</t>
    </rPh>
    <rPh sb="39" eb="41">
      <t>カクチ</t>
    </rPh>
    <rPh sb="42" eb="44">
      <t>フウケイ</t>
    </rPh>
    <rPh sb="44" eb="45">
      <t>ガ</t>
    </rPh>
    <rPh sb="46" eb="47">
      <t>カズ</t>
    </rPh>
    <rPh sb="47" eb="48">
      <t>オオ</t>
    </rPh>
    <rPh sb="49" eb="51">
      <t>ケイサイ</t>
    </rPh>
    <rPh sb="59" eb="60">
      <t>ナカ</t>
    </rPh>
    <rPh sb="62" eb="66">
      <t>コウ</t>
    </rPh>
    <rPh sb="67" eb="69">
      <t>シュウゾウ</t>
    </rPh>
    <rPh sb="71" eb="73">
      <t>ゲンガ</t>
    </rPh>
    <rPh sb="74" eb="76">
      <t>テンジ</t>
    </rPh>
    <phoneticPr fontId="2"/>
  </si>
  <si>
    <t>アーカイブズ講座</t>
    <rPh sb="6" eb="8">
      <t>コウザ</t>
    </rPh>
    <phoneticPr fontId="2"/>
  </si>
  <si>
    <t>公文書館とはどのような施設で、どのような活用方法があるのか、職員が分かりやすくお話しします。普段は入れない書庫などのバックヤードも御案内します。</t>
    <phoneticPr fontId="2"/>
  </si>
  <si>
    <t>神奈川県立公文書館２階大会議室</t>
    <rPh sb="0" eb="5">
      <t>カナガワケンリツ</t>
    </rPh>
    <rPh sb="5" eb="9">
      <t>コウブンショカン</t>
    </rPh>
    <rPh sb="10" eb="11">
      <t>カイ</t>
    </rPh>
    <rPh sb="11" eb="15">
      <t>ダイカイギシツ</t>
    </rPh>
    <phoneticPr fontId="2"/>
  </si>
  <si>
    <t>古文書講座・応用編</t>
    <rPh sb="0" eb="5">
      <t>コモンジョコウザ</t>
    </rPh>
    <rPh sb="6" eb="8">
      <t>オウヨウ</t>
    </rPh>
    <rPh sb="8" eb="9">
      <t>ヘン</t>
    </rPh>
    <phoneticPr fontId="2"/>
  </si>
  <si>
    <t>公文書館の古文書などを講師が解読し、歴史的背景を解説します。史料を通じて歴史の一コマに触れられます。ある程度くずし字が読め、神奈川の歴史に興味ある方へお勧めです。</t>
    <rPh sb="52" eb="54">
      <t>テイド</t>
    </rPh>
    <rPh sb="57" eb="58">
      <t>ジ</t>
    </rPh>
    <rPh sb="59" eb="60">
      <t>ヨ</t>
    </rPh>
    <phoneticPr fontId="2"/>
  </si>
  <si>
    <t>ある程度くずし字が読める方が対象</t>
    <rPh sb="2" eb="4">
      <t>テイド</t>
    </rPh>
    <rPh sb="7" eb="8">
      <t>ジ</t>
    </rPh>
    <rPh sb="9" eb="10">
      <t>ヨ</t>
    </rPh>
    <rPh sb="12" eb="13">
      <t>ホウ</t>
    </rPh>
    <rPh sb="14" eb="16">
      <t>タイショウ</t>
    </rPh>
    <phoneticPr fontId="2"/>
  </si>
  <si>
    <t>かながわ音楽コンクールジュエルコンサート</t>
    <rPh sb="4" eb="6">
      <t>オンガク</t>
    </rPh>
    <phoneticPr fontId="2"/>
  </si>
  <si>
    <t>「かながわ音楽コンクール」は「技巧より感性」を合言葉に、神奈川県内における音楽教育の向上・優れた音楽的才能の発掘・音楽の普及を目的として1985年に創設されました。各部門入賞者７人程度がソロ演奏をします。</t>
    <rPh sb="85" eb="88">
      <t>ニュウショウシャ</t>
    </rPh>
    <rPh sb="89" eb="90">
      <t>ニン</t>
    </rPh>
    <rPh sb="90" eb="92">
      <t>テイド</t>
    </rPh>
    <rPh sb="95" eb="97">
      <t>エンソウ</t>
    </rPh>
    <phoneticPr fontId="2"/>
  </si>
  <si>
    <t>都筑区民文化センター</t>
    <rPh sb="0" eb="3">
      <t>ツヅキク</t>
    </rPh>
    <rPh sb="3" eb="4">
      <t>ミン</t>
    </rPh>
    <rPh sb="4" eb="6">
      <t>ブンカ</t>
    </rPh>
    <phoneticPr fontId="2"/>
  </si>
  <si>
    <t>センター北駅</t>
    <rPh sb="4" eb="5">
      <t>キタ</t>
    </rPh>
    <rPh sb="5" eb="6">
      <t>エキ</t>
    </rPh>
    <phoneticPr fontId="2"/>
  </si>
  <si>
    <t>パークヨガin
境川遊水地公園</t>
    <phoneticPr fontId="17"/>
  </si>
  <si>
    <t>芝生の上でヨガ体験しませんか？ゆったりストレッチで体をほぐしてから、徐々にヨガの動きに入っていきます。全く初めての方、初心者の方、運動が久しぶりな方も安心してご参加できます。</t>
    <phoneticPr fontId="2"/>
  </si>
  <si>
    <t>県立境川遊水地公園
　今田遊水地
　　芝生広場　</t>
    <rPh sb="0" eb="2">
      <t>ケンリツ</t>
    </rPh>
    <rPh sb="2" eb="4">
      <t>サカイガワ</t>
    </rPh>
    <rPh sb="4" eb="7">
      <t>ユウスイチ</t>
    </rPh>
    <rPh sb="7" eb="9">
      <t>コウエン</t>
    </rPh>
    <rPh sb="11" eb="13">
      <t>イマダ</t>
    </rPh>
    <rPh sb="13" eb="16">
      <t>ユウスイチ</t>
    </rPh>
    <rPh sb="19" eb="21">
      <t>シバフ</t>
    </rPh>
    <rPh sb="21" eb="23">
      <t>ヒロバ</t>
    </rPh>
    <phoneticPr fontId="17"/>
  </si>
  <si>
    <t>小田急線・横浜市営地下鉄・相鉄線湘南台駅</t>
    <rPh sb="0" eb="4">
      <t>オダキュウセン</t>
    </rPh>
    <rPh sb="5" eb="7">
      <t>ヨコハマ</t>
    </rPh>
    <rPh sb="7" eb="9">
      <t>シエイ</t>
    </rPh>
    <rPh sb="9" eb="12">
      <t>チカテツ</t>
    </rPh>
    <rPh sb="13" eb="16">
      <t>ソウテツセン</t>
    </rPh>
    <rPh sb="16" eb="20">
      <t>ショウナンダイエキ</t>
    </rPh>
    <phoneticPr fontId="17"/>
  </si>
  <si>
    <t>公益財団法人神奈川県公園協会・株式会社サカタのタネグリーンサービスグループ</t>
    <rPh sb="0" eb="2">
      <t>コウエキ</t>
    </rPh>
    <rPh sb="2" eb="4">
      <t>ザイダン</t>
    </rPh>
    <rPh sb="4" eb="6">
      <t>ホウジン</t>
    </rPh>
    <rPh sb="15" eb="19">
      <t>カブ</t>
    </rPh>
    <phoneticPr fontId="17"/>
  </si>
  <si>
    <t>小学生以上
（小学生は保護者同伴）</t>
    <rPh sb="7" eb="10">
      <t>ショウガクセイ</t>
    </rPh>
    <rPh sb="11" eb="14">
      <t>ホゴシャ</t>
    </rPh>
    <rPh sb="14" eb="16">
      <t>ドウハン</t>
    </rPh>
    <phoneticPr fontId="2"/>
  </si>
  <si>
    <t>境川遊水地情報センター</t>
    <rPh sb="0" eb="2">
      <t>サカイガワ</t>
    </rPh>
    <rPh sb="2" eb="5">
      <t>ユウスイチ</t>
    </rPh>
    <rPh sb="5" eb="7">
      <t>ジョウホウ</t>
    </rPh>
    <phoneticPr fontId="17"/>
  </si>
  <si>
    <t xml:space="preserve">https://kanagawa-park.or.jp/sakaigawa/
</t>
    <phoneticPr fontId="17"/>
  </si>
  <si>
    <t>横浜Ｆ・マリノス
サッカー教室</t>
    <rPh sb="0" eb="2">
      <t>ヨコハマ</t>
    </rPh>
    <rPh sb="13" eb="15">
      <t>キョウシツ</t>
    </rPh>
    <phoneticPr fontId="17"/>
  </si>
  <si>
    <t>元プロサッカー選手のコーチを招いて、「横浜F・マリノス  サッカー教室」を開催します。
皆さまのご参加をお待ちしております。</t>
    <rPh sb="7" eb="9">
      <t>センシュ</t>
    </rPh>
    <phoneticPr fontId="2"/>
  </si>
  <si>
    <t>県立境川遊水地公園
　下飯田遊水地
　　多目的グラウンド</t>
    <rPh sb="0" eb="2">
      <t>ケンリツ</t>
    </rPh>
    <rPh sb="2" eb="4">
      <t>サカイガワ</t>
    </rPh>
    <rPh sb="4" eb="7">
      <t>ユウスイチ</t>
    </rPh>
    <rPh sb="7" eb="9">
      <t>コウエン</t>
    </rPh>
    <rPh sb="11" eb="12">
      <t>シモ</t>
    </rPh>
    <rPh sb="12" eb="14">
      <t>イイダ</t>
    </rPh>
    <rPh sb="14" eb="17">
      <t>ユウスイチ</t>
    </rPh>
    <rPh sb="20" eb="23">
      <t>タモクテキ</t>
    </rPh>
    <phoneticPr fontId="17"/>
  </si>
  <si>
    <t>小学1年～4年生
(昨年度実績)</t>
    <rPh sb="10" eb="13">
      <t>サクネンド</t>
    </rPh>
    <rPh sb="13" eb="15">
      <t>ジッセキ</t>
    </rPh>
    <phoneticPr fontId="2"/>
  </si>
  <si>
    <t>ウォーキングを学んで
境川遊水地公園を歩こう</t>
    <phoneticPr fontId="17"/>
  </si>
  <si>
    <t>俣野、下飯田、今田遊水地を巡るウオーキングイベントです
ウォーキング前には歩く時の正しい姿勢や基礎知識なども学べます。
ビオトープの自然と遊水池を吹き抜ける爽やかな風を感じてみませんか。</t>
    <phoneticPr fontId="2"/>
  </si>
  <si>
    <t>県立境川遊水地公園
　俣野遊水地
　下飯田遊水地
　今田遊水地</t>
    <rPh sb="0" eb="2">
      <t>ケンリツ</t>
    </rPh>
    <rPh sb="2" eb="4">
      <t>サカイガワ</t>
    </rPh>
    <rPh sb="4" eb="7">
      <t>ユウスイチ</t>
    </rPh>
    <rPh sb="7" eb="9">
      <t>コウエン</t>
    </rPh>
    <rPh sb="11" eb="13">
      <t>マタノ</t>
    </rPh>
    <rPh sb="13" eb="16">
      <t>ユウスイチ</t>
    </rPh>
    <rPh sb="18" eb="19">
      <t>シモ</t>
    </rPh>
    <rPh sb="19" eb="21">
      <t>イイダ</t>
    </rPh>
    <rPh sb="21" eb="24">
      <t>ユウスイチ</t>
    </rPh>
    <rPh sb="26" eb="28">
      <t>イマダ</t>
    </rPh>
    <rPh sb="28" eb="31">
      <t>ユウスイチ</t>
    </rPh>
    <phoneticPr fontId="17"/>
  </si>
  <si>
    <t>Let's Play!!グラウンドゴルフat境川遊水地公園</t>
    <phoneticPr fontId="17"/>
  </si>
  <si>
    <t xml:space="preserve"> 境川遊水地公園でグラウンドゴルフ大会を開催します。
グラウンドゴルフを楽しみながら心と体のリフレッシュ!!
皆様の参加をお待ちしています。</t>
  </si>
  <si>
    <t>県立境川遊水地公園
　俣野遊水地
　　少年野球場</t>
    <rPh sb="0" eb="2">
      <t>ケンリツ</t>
    </rPh>
    <rPh sb="2" eb="4">
      <t>サカイガワ</t>
    </rPh>
    <rPh sb="4" eb="7">
      <t>ユウスイチ</t>
    </rPh>
    <rPh sb="7" eb="9">
      <t>コウエン</t>
    </rPh>
    <rPh sb="11" eb="13">
      <t>マタノ</t>
    </rPh>
    <rPh sb="13" eb="16">
      <t>ユウスイチ</t>
    </rPh>
    <rPh sb="19" eb="21">
      <t>ショウネン</t>
    </rPh>
    <rPh sb="21" eb="24">
      <t>ヤキュウジョウ</t>
    </rPh>
    <phoneticPr fontId="17"/>
  </si>
  <si>
    <t>藤野芸術の家
秋の限定季節メニュー</t>
    <rPh sb="0" eb="4">
      <t>フジノゲイジュツ</t>
    </rPh>
    <rPh sb="5" eb="6">
      <t>イエ</t>
    </rPh>
    <rPh sb="7" eb="8">
      <t>アキ</t>
    </rPh>
    <rPh sb="9" eb="11">
      <t>ゲンテイ</t>
    </rPh>
    <rPh sb="11" eb="13">
      <t>キセツ</t>
    </rPh>
    <phoneticPr fontId="2"/>
  </si>
  <si>
    <t>子どもから大人まで、手作りの楽しさを体感できる藤野芸術の家体験工房のイベントです。秋の季節感のある陶芸、ガラス工芸、木工クラフトを体験できます。</t>
    <rPh sb="0" eb="1">
      <t>コ</t>
    </rPh>
    <rPh sb="5" eb="7">
      <t>オトナ</t>
    </rPh>
    <rPh sb="10" eb="11">
      <t>テ</t>
    </rPh>
    <rPh sb="11" eb="12">
      <t>ツク</t>
    </rPh>
    <rPh sb="14" eb="15">
      <t>タノ</t>
    </rPh>
    <rPh sb="18" eb="20">
      <t>タイカン</t>
    </rPh>
    <rPh sb="23" eb="27">
      <t>フジノゲイジュツ</t>
    </rPh>
    <rPh sb="28" eb="29">
      <t>イエ</t>
    </rPh>
    <rPh sb="29" eb="31">
      <t>タイケン</t>
    </rPh>
    <rPh sb="31" eb="33">
      <t>コウボウ</t>
    </rPh>
    <rPh sb="41" eb="42">
      <t>アキ</t>
    </rPh>
    <rPh sb="43" eb="45">
      <t>キセツ</t>
    </rPh>
    <rPh sb="45" eb="46">
      <t>カン</t>
    </rPh>
    <rPh sb="49" eb="51">
      <t>トウゲイ</t>
    </rPh>
    <rPh sb="55" eb="57">
      <t>コウゲイ</t>
    </rPh>
    <rPh sb="58" eb="60">
      <t>モッコウ</t>
    </rPh>
    <rPh sb="65" eb="67">
      <t>タイケン</t>
    </rPh>
    <phoneticPr fontId="2"/>
  </si>
  <si>
    <t>2025/9/6</t>
    <phoneticPr fontId="2"/>
  </si>
  <si>
    <t>2025/10/31</t>
    <phoneticPr fontId="2"/>
  </si>
  <si>
    <t>藤野芸術の家</t>
    <rPh sb="0" eb="2">
      <t>フジノ</t>
    </rPh>
    <rPh sb="2" eb="4">
      <t>ゲイジュツ</t>
    </rPh>
    <rPh sb="5" eb="6">
      <t>イエ</t>
    </rPh>
    <phoneticPr fontId="2"/>
  </si>
  <si>
    <t>藤野駅</t>
    <rPh sb="0" eb="2">
      <t>フジノ</t>
    </rPh>
    <rPh sb="2" eb="3">
      <t>エキ</t>
    </rPh>
    <phoneticPr fontId="2"/>
  </si>
  <si>
    <t>一般社団法人かながわ青少年協会</t>
    <rPh sb="0" eb="2">
      <t>イッパン</t>
    </rPh>
    <rPh sb="2" eb="4">
      <t>シャダン</t>
    </rPh>
    <rPh sb="4" eb="6">
      <t>ホウジン</t>
    </rPh>
    <rPh sb="10" eb="13">
      <t>セイショウネン</t>
    </rPh>
    <rPh sb="13" eb="15">
      <t>キョウカイ</t>
    </rPh>
    <phoneticPr fontId="2"/>
  </si>
  <si>
    <t>一般（未就学児は保護者同伴）</t>
    <rPh sb="0" eb="2">
      <t>イッパン</t>
    </rPh>
    <rPh sb="3" eb="7">
      <t>ミシュウガクジ</t>
    </rPh>
    <rPh sb="8" eb="11">
      <t>ホゴシャ</t>
    </rPh>
    <rPh sb="11" eb="13">
      <t>ドウハン</t>
    </rPh>
    <phoneticPr fontId="2"/>
  </si>
  <si>
    <t>藤野芸術の家</t>
    <rPh sb="0" eb="4">
      <t>フジノゲイジュツ</t>
    </rPh>
    <rPh sb="5" eb="6">
      <t>イエ</t>
    </rPh>
    <phoneticPr fontId="2"/>
  </si>
  <si>
    <t>https://www.fujino-art.jp</t>
  </si>
  <si>
    <t>藤野芸術の家
冬の限定季節メニュー</t>
    <rPh sb="0" eb="4">
      <t>フジノゲイジュツ</t>
    </rPh>
    <rPh sb="5" eb="6">
      <t>イエ</t>
    </rPh>
    <rPh sb="7" eb="8">
      <t>フユ</t>
    </rPh>
    <rPh sb="9" eb="11">
      <t>ゲンテイ</t>
    </rPh>
    <rPh sb="11" eb="13">
      <t>キセツ</t>
    </rPh>
    <phoneticPr fontId="2"/>
  </si>
  <si>
    <t>子どもから大人まで、手作りの楽しさを体感できる藤野芸術の家体験工房のイベントです。冬の季節感のある陶芸、ガラス工芸、木工クラフトを体験できます。</t>
    <rPh sb="0" eb="1">
      <t>コ</t>
    </rPh>
    <rPh sb="5" eb="7">
      <t>オトナ</t>
    </rPh>
    <rPh sb="10" eb="11">
      <t>テ</t>
    </rPh>
    <rPh sb="11" eb="12">
      <t>ツク</t>
    </rPh>
    <rPh sb="14" eb="15">
      <t>タノ</t>
    </rPh>
    <rPh sb="18" eb="20">
      <t>タイカン</t>
    </rPh>
    <rPh sb="23" eb="27">
      <t>フジノゲイジュツ</t>
    </rPh>
    <rPh sb="28" eb="29">
      <t>イエ</t>
    </rPh>
    <rPh sb="29" eb="31">
      <t>タイケン</t>
    </rPh>
    <rPh sb="31" eb="33">
      <t>コウボウ</t>
    </rPh>
    <rPh sb="41" eb="42">
      <t>フユ</t>
    </rPh>
    <rPh sb="43" eb="45">
      <t>キセツ</t>
    </rPh>
    <rPh sb="45" eb="46">
      <t>カン</t>
    </rPh>
    <rPh sb="49" eb="51">
      <t>トウゲイ</t>
    </rPh>
    <rPh sb="55" eb="57">
      <t>コウゲイ</t>
    </rPh>
    <rPh sb="58" eb="60">
      <t>モッコウ</t>
    </rPh>
    <rPh sb="65" eb="67">
      <t>タイケン</t>
    </rPh>
    <phoneticPr fontId="2"/>
  </si>
  <si>
    <t xml:space="preserve">2025/11/8 </t>
    <phoneticPr fontId="2"/>
  </si>
  <si>
    <t>2025/12/25</t>
    <phoneticPr fontId="2"/>
  </si>
  <si>
    <t>里山の野菜クラブ</t>
  </si>
  <si>
    <t>津久井在来大豆の栽培と、一般的な野菜つくりを講座とフィールドで学びます。</t>
    <phoneticPr fontId="17"/>
  </si>
  <si>
    <t>県立津久井湖城山公園</t>
  </si>
  <si>
    <t>JR・京王線橋本駅から三ヶ木行きバス「津久井湖観光センター前」下車</t>
    <rPh sb="3" eb="6">
      <t>ケイオウセン</t>
    </rPh>
    <rPh sb="11" eb="12">
      <t>サン</t>
    </rPh>
    <rPh sb="13" eb="14">
      <t>キ</t>
    </rPh>
    <rPh sb="14" eb="15">
      <t>ユ</t>
    </rPh>
    <rPh sb="19" eb="22">
      <t>ツクイ</t>
    </rPh>
    <rPh sb="22" eb="23">
      <t>コ</t>
    </rPh>
    <rPh sb="23" eb="25">
      <t>カンコウ</t>
    </rPh>
    <rPh sb="29" eb="30">
      <t>マエ</t>
    </rPh>
    <rPh sb="31" eb="33">
      <t>ゲシャ</t>
    </rPh>
    <phoneticPr fontId="17"/>
  </si>
  <si>
    <t>津久井湖城山公園パークセンター</t>
    <phoneticPr fontId="17"/>
  </si>
  <si>
    <t>http://www.kanagawa-park.or.jp/tsukuikoshiroyama/</t>
  </si>
  <si>
    <t>もりの音楽会</t>
  </si>
  <si>
    <t>近隣に住む複数のアーティストに出演してもらい、「森のステージ」で行う音楽イベントです。</t>
    <phoneticPr fontId="17"/>
  </si>
  <si>
    <t>もりの音楽会実行委員会</t>
  </si>
  <si>
    <t>県立津久井湖城山公園パークセンター</t>
  </si>
  <si>
    <t>いきものウォッチング</t>
  </si>
  <si>
    <t>自然観察グループによる観察会です。公園の身近な自然を見つけよう！</t>
    <phoneticPr fontId="17"/>
  </si>
  <si>
    <t>しろやま自然観察グループ</t>
  </si>
  <si>
    <t>秋の花植え会</t>
  </si>
  <si>
    <t>花の苑地花壇を冬の花へ衣替えするため、みなさんで花植えをします。</t>
  </si>
  <si>
    <t>津久井考古学講座</t>
  </si>
  <si>
    <t>戦国時代の山城津久井城500周年を記念し、津久井城の歴史・文化を、多様な視点から探る5回シリーズです。</t>
    <phoneticPr fontId="17"/>
  </si>
  <si>
    <t>風雲！つくい城</t>
  </si>
  <si>
    <t>戦国時代山城であった津久井城にちなみ、ゲームをとおしてこどもたちが歴史の面白さを体験します。</t>
    <phoneticPr fontId="17"/>
  </si>
  <si>
    <t>小学生</t>
  </si>
  <si>
    <t>自然観察会</t>
  </si>
  <si>
    <t>豊かな公園の自然に触れ、虫と植物についての知識を深め、関心を高めます。</t>
    <phoneticPr fontId="17"/>
  </si>
  <si>
    <t>相模湖公園秋の花植え</t>
  </si>
  <si>
    <t>地元の小学校、幼稚園、支援学校、津久井やまゆり園に加え、商店会やボランティア等が参加します。地域資源で紅葉の深まる相模湖公園において地域の交流を図りながらの公園全体の花壇に約4,500本程の冬の花苗の植え付けを行います。</t>
    <phoneticPr fontId="2"/>
  </si>
  <si>
    <t>県立相模湖公園</t>
  </si>
  <si>
    <t>ＪＲ相模湖駅</t>
    <phoneticPr fontId="17"/>
  </si>
  <si>
    <t xml:space="preserve">一般財団法人相模湖観光協会・特定非営利活動法人神奈川県ローイング協会グループ </t>
    <rPh sb="0" eb="2">
      <t>イッパン</t>
    </rPh>
    <rPh sb="2" eb="4">
      <t>ザイダン</t>
    </rPh>
    <rPh sb="4" eb="6">
      <t>ホウジン</t>
    </rPh>
    <rPh sb="14" eb="16">
      <t>トクテイ</t>
    </rPh>
    <rPh sb="16" eb="17">
      <t>ヒ</t>
    </rPh>
    <rPh sb="17" eb="19">
      <t>エイリ</t>
    </rPh>
    <rPh sb="19" eb="21">
      <t>カツドウ</t>
    </rPh>
    <rPh sb="21" eb="23">
      <t>ホウジン</t>
    </rPh>
    <rPh sb="23" eb="26">
      <t>カナガワ</t>
    </rPh>
    <phoneticPr fontId="17"/>
  </si>
  <si>
    <t>相模湖公園管理事務所</t>
  </si>
  <si>
    <t>https://www.e-sagamihara.com/playing/playing-216/</t>
    <phoneticPr fontId="17"/>
  </si>
  <si>
    <t>「さがみ湖 野外 バレエフェスティル 2025」でバ レエ公演を 実施 します ！</t>
    <phoneticPr fontId="2"/>
  </si>
  <si>
    <t>相模原市緑区 の相模湖地域はバレエを中心とし た芸術 ・文化のまちづくりに 取り組んで おり、 令 和７年 10 月に相模湖 芸術・文化のまちづくり実行委員会により「さがみ湖 野外バレエフェスティバル 2025 」が開催されます。県では、このフェスティバルの中で、バレエダンサーの上野水香氏及び厚地 康雄 氏主演による バレエ公演を実施します。</t>
    <phoneticPr fontId="2"/>
  </si>
  <si>
    <t>神奈川県立相模湖公園　野外特設ステージ（相模原市緑区与瀬 317 -1）</t>
    <phoneticPr fontId="2"/>
  </si>
  <si>
    <t>JR中央本線
相模湖駅</t>
    <rPh sb="2" eb="4">
      <t>チュウオウ</t>
    </rPh>
    <rPh sb="4" eb="6">
      <t>ホンセン</t>
    </rPh>
    <rPh sb="7" eb="11">
      <t>サガミコエキ</t>
    </rPh>
    <phoneticPr fontId="2"/>
  </si>
  <si>
    <t>神奈川県
（企画制作 ：公益財団法人神奈川芸術文化財団
)</t>
    <phoneticPr fontId="2"/>
  </si>
  <si>
    <t>文化課
文化創造 グループ</t>
    <phoneticPr fontId="2"/>
  </si>
  <si>
    <t>植物や生き物などを探しながら園内をめぐり楽しみながら知識や理解を深めます。</t>
  </si>
  <si>
    <t>県立相模原公園</t>
  </si>
  <si>
    <t>小田急線相模大野駅から女子美術大学行きバス終点下車</t>
    <rPh sb="11" eb="13">
      <t>ジョシ</t>
    </rPh>
    <rPh sb="13" eb="15">
      <t>ビジュツ</t>
    </rPh>
    <rPh sb="15" eb="17">
      <t>ダイガク</t>
    </rPh>
    <rPh sb="17" eb="18">
      <t>ユ</t>
    </rPh>
    <rPh sb="21" eb="23">
      <t>シュウテン</t>
    </rPh>
    <rPh sb="23" eb="25">
      <t>ゲシャ</t>
    </rPh>
    <phoneticPr fontId="17"/>
  </si>
  <si>
    <t>公益財団法人神奈川県公園協会・株式会社サカタのタネ・株式会社サカタのタネグリーンサービスグループ</t>
    <rPh sb="0" eb="2">
      <t>コウエキ</t>
    </rPh>
    <rPh sb="2" eb="4">
      <t>ザイダン</t>
    </rPh>
    <rPh sb="4" eb="6">
      <t>ホウジン</t>
    </rPh>
    <rPh sb="15" eb="19">
      <t>カブ</t>
    </rPh>
    <rPh sb="26" eb="30">
      <t>カブ</t>
    </rPh>
    <phoneticPr fontId="17"/>
  </si>
  <si>
    <t>小学生未満は、保護者同伴</t>
  </si>
  <si>
    <t>相模原公園管理事務所</t>
  </si>
  <si>
    <t>http://www.sagamihara.kanagawa-park.or.jp/</t>
  </si>
  <si>
    <t>公園で遊ぼう</t>
  </si>
  <si>
    <t>芝生広場で簡単にできるニュースポーツとレクリエーションを体験します。</t>
  </si>
  <si>
    <t>2025/10/26
2025/11/9</t>
  </si>
  <si>
    <t>野鳥の巣箱の観察と清掃</t>
  </si>
  <si>
    <t>野鳥の話を聞いて巣箱の観察と清掃をしましょう。</t>
  </si>
  <si>
    <t>小学生以上</t>
  </si>
  <si>
    <t>http://www.sagamihara.kanagawa-park.or.jp/</t>
    <phoneticPr fontId="17"/>
  </si>
  <si>
    <t>ノルディックウォーキング</t>
  </si>
  <si>
    <t>ストックの持ち方を正しく学び、公園 内をウォーキングします。自然豊かな園内で自然を感じながら、有酸素運動が行えます。</t>
    <phoneticPr fontId="17"/>
  </si>
  <si>
    <t>2025/9/7
2025/10/5
2025/11/2</t>
    <phoneticPr fontId="17"/>
  </si>
  <si>
    <t>県立相模原公園</t>
    <rPh sb="0" eb="2">
      <t>ケンリツ</t>
    </rPh>
    <phoneticPr fontId="17"/>
  </si>
  <si>
    <t>高校生以上</t>
  </si>
  <si>
    <t>ニュースポーツ体験</t>
  </si>
  <si>
    <t>成人の方向けの簡単にできるスポーツとレクリエーションを体験できます。</t>
  </si>
  <si>
    <t>2025/10/26
2025/11/9</t>
    <phoneticPr fontId="17"/>
  </si>
  <si>
    <t>どなたでも</t>
    <phoneticPr fontId="17"/>
  </si>
  <si>
    <t>ツリークライミング</t>
  </si>
  <si>
    <t>安全保護具を利用して木に登り、今までと違う視点で公園を見るなど、五感を使い自然と一体感を味わいます。</t>
  </si>
  <si>
    <t>観音崎フェスタ</t>
    <phoneticPr fontId="17"/>
  </si>
  <si>
    <t>歴史、文化、海と緑の自然環境に恵まれた環境を生かし、横須賀美術館、観音埼灯台（かんのんさきとうだい）、観音崎自然博物館などが連携し、特別舞台アトラクション、模擬店、スタンプラリー、砲台ガイドツアーなどを行います。</t>
    <rPh sb="19" eb="21">
      <t>カンキョウ</t>
    </rPh>
    <rPh sb="22" eb="23">
      <t>イ</t>
    </rPh>
    <rPh sb="62" eb="64">
      <t>レンケイ</t>
    </rPh>
    <rPh sb="101" eb="102">
      <t>オコナ</t>
    </rPh>
    <phoneticPr fontId="17"/>
  </si>
  <si>
    <t>県立観音崎公園</t>
    <rPh sb="0" eb="2">
      <t>ケンリツ</t>
    </rPh>
    <rPh sb="2" eb="5">
      <t>カンノンザキ</t>
    </rPh>
    <rPh sb="5" eb="7">
      <t>コウエン</t>
    </rPh>
    <phoneticPr fontId="2"/>
  </si>
  <si>
    <t>京浜急行線浦賀駅から観音崎バス「観音崎」下車</t>
    <rPh sb="0" eb="2">
      <t>ケイヒン</t>
    </rPh>
    <rPh sb="2" eb="4">
      <t>キュウコウ</t>
    </rPh>
    <rPh sb="4" eb="5">
      <t>セン</t>
    </rPh>
    <rPh sb="5" eb="8">
      <t>ウラガエキ</t>
    </rPh>
    <rPh sb="10" eb="13">
      <t>カンノンザキ</t>
    </rPh>
    <rPh sb="16" eb="19">
      <t>カンノンザキ</t>
    </rPh>
    <rPh sb="20" eb="22">
      <t>ゲシャ</t>
    </rPh>
    <phoneticPr fontId="2"/>
  </si>
  <si>
    <t>観音崎フェスタ実行委員会
（浦賀観光協会）</t>
    <rPh sb="0" eb="3">
      <t>カンノンザキ</t>
    </rPh>
    <rPh sb="7" eb="12">
      <t>ジッコウイインカイ</t>
    </rPh>
    <phoneticPr fontId="17"/>
  </si>
  <si>
    <t>横須賀市
浦賀観光協会</t>
    <phoneticPr fontId="17"/>
  </si>
  <si>
    <t>おやこ里海・里山探検隊ビーチコーミングと漂着物調べ</t>
  </si>
  <si>
    <t>観音崎自然博物館のスタッフと一緒に、観音崎の浜に行って貝殻等の漂着物を採集し調べます。</t>
    <rPh sb="3" eb="5">
      <t>シゼン</t>
    </rPh>
    <phoneticPr fontId="17"/>
  </si>
  <si>
    <t>公益財団法人神奈川県公園協会・京急サービス株式会社共同事業体</t>
    <rPh sb="0" eb="2">
      <t>コウエキ</t>
    </rPh>
    <rPh sb="2" eb="4">
      <t>ザイダン</t>
    </rPh>
    <rPh sb="4" eb="6">
      <t>ホウジン</t>
    </rPh>
    <rPh sb="6" eb="10">
      <t>カナガワケン</t>
    </rPh>
    <rPh sb="10" eb="14">
      <t>コウエンキョウカイ</t>
    </rPh>
    <rPh sb="15" eb="17">
      <t>ケイキュウ</t>
    </rPh>
    <rPh sb="21" eb="23">
      <t>カブシキ</t>
    </rPh>
    <rPh sb="23" eb="25">
      <t>カイシャ</t>
    </rPh>
    <rPh sb="25" eb="27">
      <t>キョウドウ</t>
    </rPh>
    <rPh sb="27" eb="30">
      <t>ジギョウタイ</t>
    </rPh>
    <phoneticPr fontId="2"/>
  </si>
  <si>
    <t>4歳～小学生の親子</t>
    <rPh sb="1" eb="2">
      <t>サイ</t>
    </rPh>
    <rPh sb="3" eb="6">
      <t>ショウガクセイ</t>
    </rPh>
    <rPh sb="7" eb="9">
      <t>オヤコ</t>
    </rPh>
    <phoneticPr fontId="2"/>
  </si>
  <si>
    <t>観音崎公園パークセンター</t>
    <rPh sb="0" eb="3">
      <t>カンノンザキ</t>
    </rPh>
    <rPh sb="3" eb="5">
      <t>コウエン</t>
    </rPh>
    <phoneticPr fontId="2"/>
  </si>
  <si>
    <t>https://www.kanagawa-park.or.jp/kannonzaki/</t>
    <phoneticPr fontId="17"/>
  </si>
  <si>
    <t>おやこ里海・里山探検隊
観音崎　池の生き物調べ</t>
  </si>
  <si>
    <t>観音崎自然博物館のスタッフと一緒に、観音崎公園の池の生き物を観察します。</t>
    <rPh sb="3" eb="5">
      <t>シゼン</t>
    </rPh>
    <phoneticPr fontId="17"/>
  </si>
  <si>
    <t>秋の山野草と森のクラフト</t>
  </si>
  <si>
    <t>観音崎公園のガイドボランティアの解説による秋の山野草観察と木の実などを使ったクラフトづくりを行います。</t>
  </si>
  <si>
    <t>ビーチクリーン＆ヨガ</t>
  </si>
  <si>
    <t>観音崎公園前の海岸でビーチクリーンを行った後、海の眺めが良い芝生の上でヨガを行います。</t>
  </si>
  <si>
    <t>芝生の上で大空見上げるヨガ</t>
    <rPh sb="0" eb="2">
      <t>シバフ</t>
    </rPh>
    <rPh sb="3" eb="4">
      <t>ウエ</t>
    </rPh>
    <rPh sb="5" eb="7">
      <t>オオゾラ</t>
    </rPh>
    <rPh sb="7" eb="9">
      <t>ミア</t>
    </rPh>
    <phoneticPr fontId="17"/>
  </si>
  <si>
    <t>晴れたら芝生で、雨なら室内で、どなたでも参加しやすいヨガを行います。</t>
    <rPh sb="0" eb="1">
      <t>ハ</t>
    </rPh>
    <rPh sb="4" eb="6">
      <t>シバフ</t>
    </rPh>
    <rPh sb="8" eb="9">
      <t>アメ</t>
    </rPh>
    <rPh sb="11" eb="13">
      <t>シツナイ</t>
    </rPh>
    <rPh sb="20" eb="22">
      <t>サンカ</t>
    </rPh>
    <rPh sb="29" eb="30">
      <t>オコナ</t>
    </rPh>
    <phoneticPr fontId="17"/>
  </si>
  <si>
    <t>秋の山野草観察会</t>
    <rPh sb="0" eb="1">
      <t>アキ</t>
    </rPh>
    <rPh sb="2" eb="5">
      <t>サンヤソウ</t>
    </rPh>
    <rPh sb="5" eb="7">
      <t>カンサツ</t>
    </rPh>
    <rPh sb="7" eb="8">
      <t>カイ</t>
    </rPh>
    <phoneticPr fontId="2"/>
  </si>
  <si>
    <t>観音崎博物館のスタッフによる専門的な解説を受けながら、山野草を観察します。</t>
  </si>
  <si>
    <t>県立塚山公園</t>
    <rPh sb="0" eb="2">
      <t>ケンリツ</t>
    </rPh>
    <rPh sb="2" eb="4">
      <t>ツカヤマ</t>
    </rPh>
    <rPh sb="4" eb="6">
      <t>コウエン</t>
    </rPh>
    <phoneticPr fontId="2"/>
  </si>
  <si>
    <t>京浜急行線安針塚駅</t>
    <rPh sb="0" eb="2">
      <t>ケイヒン</t>
    </rPh>
    <rPh sb="2" eb="4">
      <t>キュウコウ</t>
    </rPh>
    <rPh sb="4" eb="5">
      <t>セン</t>
    </rPh>
    <rPh sb="5" eb="8">
      <t>アンジンヅカ</t>
    </rPh>
    <rPh sb="8" eb="9">
      <t>エキ</t>
    </rPh>
    <phoneticPr fontId="2"/>
  </si>
  <si>
    <t>公益財団法人神奈川県公園協会・県立塚山公園保存会グループ</t>
    <rPh sb="0" eb="2">
      <t>コウエキ</t>
    </rPh>
    <rPh sb="2" eb="4">
      <t>ザイダン</t>
    </rPh>
    <rPh sb="4" eb="6">
      <t>ホウジン</t>
    </rPh>
    <rPh sb="6" eb="10">
      <t>カナガワケン</t>
    </rPh>
    <rPh sb="10" eb="14">
      <t>コウエンキョウカイ</t>
    </rPh>
    <rPh sb="15" eb="17">
      <t>ケンリツ</t>
    </rPh>
    <rPh sb="17" eb="19">
      <t>ツカヤマ</t>
    </rPh>
    <rPh sb="19" eb="21">
      <t>コウエン</t>
    </rPh>
    <rPh sb="21" eb="23">
      <t>ホゾン</t>
    </rPh>
    <rPh sb="23" eb="24">
      <t>カイ</t>
    </rPh>
    <phoneticPr fontId="2"/>
  </si>
  <si>
    <t>塚山公園管理事務所</t>
    <rPh sb="0" eb="2">
      <t>ツカヤマ</t>
    </rPh>
    <rPh sb="2" eb="4">
      <t>コウエン</t>
    </rPh>
    <rPh sb="4" eb="6">
      <t>カンリ</t>
    </rPh>
    <rPh sb="6" eb="8">
      <t>ジム</t>
    </rPh>
    <rPh sb="8" eb="9">
      <t>ショ</t>
    </rPh>
    <phoneticPr fontId="2"/>
  </si>
  <si>
    <t>https://www.kanagawa-park.or.jp/tsukayama/</t>
    <phoneticPr fontId="17"/>
  </si>
  <si>
    <t>神奈川県民ホール presents　モーツァルト オペラ《羊飼いの王様》関連企画 第2弾
砂川涼子＆園田隆一郎 デュオ・コンサート
～モーツァルトを旅する午後～</t>
    <phoneticPr fontId="2"/>
  </si>
  <si>
    <t>県民ホールによる県域展開オペラの理解を深める関連企画。オペラの中の名曲アリアを中心にした名ソプラノによるコンサート。</t>
    <rPh sb="0" eb="2">
      <t>ケンミン</t>
    </rPh>
    <rPh sb="8" eb="10">
      <t>ケンイキ</t>
    </rPh>
    <rPh sb="10" eb="12">
      <t>テンカイ</t>
    </rPh>
    <rPh sb="16" eb="18">
      <t>リカイ</t>
    </rPh>
    <rPh sb="19" eb="20">
      <t>フカ</t>
    </rPh>
    <rPh sb="22" eb="24">
      <t>カンレン</t>
    </rPh>
    <rPh sb="24" eb="26">
      <t>キカク</t>
    </rPh>
    <rPh sb="31" eb="32">
      <t>ナカ</t>
    </rPh>
    <rPh sb="33" eb="35">
      <t>メイキョク</t>
    </rPh>
    <rPh sb="39" eb="41">
      <t>チュウシン</t>
    </rPh>
    <rPh sb="44" eb="45">
      <t>メイ</t>
    </rPh>
    <phoneticPr fontId="2"/>
  </si>
  <si>
    <t>ヨコスカ・ベイサイド・ポケット</t>
    <phoneticPr fontId="2"/>
  </si>
  <si>
    <t>音楽やオペラに興味のある人</t>
    <rPh sb="0" eb="2">
      <t>オンガク</t>
    </rPh>
    <rPh sb="7" eb="9">
      <t>キョウミ</t>
    </rPh>
    <rPh sb="12" eb="13">
      <t>ヒト</t>
    </rPh>
    <phoneticPr fontId="2"/>
  </si>
  <si>
    <t>神奈川県民ホール　</t>
    <phoneticPr fontId="2"/>
  </si>
  <si>
    <t>https://www.kanagawa-kenminhall.com/d/yokosuka2025</t>
  </si>
  <si>
    <t>かながわアーバンスポーツ・ファン・プログラム
アーバンスポーツ体験会（ブレイキン）</t>
    <phoneticPr fontId="2"/>
  </si>
  <si>
    <t>ブレイキンの無料体験会を実施します。</t>
    <rPh sb="6" eb="8">
      <t>ムリョウ</t>
    </rPh>
    <rPh sb="8" eb="10">
      <t>タイケン</t>
    </rPh>
    <rPh sb="10" eb="11">
      <t>カイ</t>
    </rPh>
    <rPh sb="12" eb="14">
      <t>ジッシ</t>
    </rPh>
    <phoneticPr fontId="2"/>
  </si>
  <si>
    <t>THE OUTLET平塚</t>
  </si>
  <si>
    <t>平塚駅
本厚木駅</t>
    <rPh sb="0" eb="2">
      <t>ヒラツカ</t>
    </rPh>
    <rPh sb="2" eb="3">
      <t>エキ</t>
    </rPh>
    <rPh sb="4" eb="8">
      <t>ホンアツギエキ</t>
    </rPh>
    <phoneticPr fontId="2"/>
  </si>
  <si>
    <t>神奈川県
スポーツ課</t>
    <phoneticPr fontId="2"/>
  </si>
  <si>
    <t>未就学児～高校生</t>
    <rPh sb="0" eb="4">
      <t>ミシュウガクジ</t>
    </rPh>
    <rPh sb="5" eb="8">
      <t>コウコウセイ</t>
    </rPh>
    <phoneticPr fontId="2"/>
  </si>
  <si>
    <t>神奈川県文化スポーツ観光局スポーツ課競技スポーツグループ</t>
    <phoneticPr fontId="2"/>
  </si>
  <si>
    <t>平塚市</t>
    <rPh sb="0" eb="3">
      <t>ヒラツカシ</t>
    </rPh>
    <phoneticPr fontId="2"/>
  </si>
  <si>
    <t>下水道ふれあいまつり</t>
    <rPh sb="0" eb="3">
      <t>ゲスイドウ</t>
    </rPh>
    <phoneticPr fontId="2"/>
  </si>
  <si>
    <t>下水道事業PRの一環として、住民の方々に下水道への理解と関心を深めていただくことを目的として、下水処理場の施設を開放したまつり形式の「施設見学会等」を開催いたします。</t>
    <rPh sb="0" eb="3">
      <t>ゲスイドウ</t>
    </rPh>
    <rPh sb="3" eb="5">
      <t>ジギョウ</t>
    </rPh>
    <rPh sb="8" eb="10">
      <t>イッカン</t>
    </rPh>
    <rPh sb="14" eb="16">
      <t>ジュウミン</t>
    </rPh>
    <rPh sb="17" eb="19">
      <t>カタガタ</t>
    </rPh>
    <rPh sb="20" eb="23">
      <t>ゲスイドウ</t>
    </rPh>
    <rPh sb="25" eb="27">
      <t>リカイ</t>
    </rPh>
    <rPh sb="28" eb="30">
      <t>カンシン</t>
    </rPh>
    <rPh sb="31" eb="32">
      <t>フカ</t>
    </rPh>
    <rPh sb="41" eb="43">
      <t>モクテキ</t>
    </rPh>
    <rPh sb="47" eb="49">
      <t>ゲスイ</t>
    </rPh>
    <rPh sb="49" eb="52">
      <t>ショリジョウ</t>
    </rPh>
    <rPh sb="53" eb="55">
      <t>シセツ</t>
    </rPh>
    <rPh sb="56" eb="58">
      <t>カイホウ</t>
    </rPh>
    <rPh sb="63" eb="65">
      <t>ケイシキ</t>
    </rPh>
    <rPh sb="67" eb="69">
      <t>シセツ</t>
    </rPh>
    <rPh sb="69" eb="71">
      <t>ケンガク</t>
    </rPh>
    <rPh sb="71" eb="72">
      <t>カイ</t>
    </rPh>
    <rPh sb="72" eb="73">
      <t>ナド</t>
    </rPh>
    <rPh sb="75" eb="77">
      <t>カイサイ</t>
    </rPh>
    <phoneticPr fontId="2"/>
  </si>
  <si>
    <t>四之宮ふれあい広場</t>
    <rPh sb="0" eb="3">
      <t>シノミヤ</t>
    </rPh>
    <rPh sb="7" eb="9">
      <t>ヒロバ</t>
    </rPh>
    <phoneticPr fontId="2"/>
  </si>
  <si>
    <t>神奈川中央交通バス　前鳥神社前又はふじみ園前</t>
    <rPh sb="0" eb="3">
      <t>カナガワ</t>
    </rPh>
    <rPh sb="3" eb="5">
      <t>チュウオウ</t>
    </rPh>
    <rPh sb="5" eb="7">
      <t>コウツウ</t>
    </rPh>
    <rPh sb="10" eb="11">
      <t>マエ</t>
    </rPh>
    <rPh sb="11" eb="12">
      <t>トリ</t>
    </rPh>
    <rPh sb="12" eb="14">
      <t>ジンジャ</t>
    </rPh>
    <rPh sb="14" eb="15">
      <t>マエ</t>
    </rPh>
    <rPh sb="15" eb="16">
      <t>マタ</t>
    </rPh>
    <rPh sb="20" eb="21">
      <t>エン</t>
    </rPh>
    <rPh sb="21" eb="22">
      <t>マエ</t>
    </rPh>
    <phoneticPr fontId="2"/>
  </si>
  <si>
    <t>神奈川県
公益財団法人神奈川県下水道公社</t>
    <phoneticPr fontId="2"/>
  </si>
  <si>
    <t>公益財団法人神奈川県下水道公社　業務部　業務課</t>
    <rPh sb="0" eb="2">
      <t>コウエキ</t>
    </rPh>
    <rPh sb="2" eb="4">
      <t>ザイダン</t>
    </rPh>
    <rPh sb="4" eb="6">
      <t>ホウジン</t>
    </rPh>
    <rPh sb="6" eb="15">
      <t>カナガワケンゲスイドウコウシャ</t>
    </rPh>
    <rPh sb="16" eb="18">
      <t>ギョウム</t>
    </rPh>
    <rPh sb="18" eb="19">
      <t>ブ</t>
    </rPh>
    <rPh sb="20" eb="22">
      <t>ギョウム</t>
    </rPh>
    <rPh sb="22" eb="23">
      <t>カ</t>
    </rPh>
    <phoneticPr fontId="2"/>
  </si>
  <si>
    <t>https://www.kanagawa-swf.or.jp/</t>
    <phoneticPr fontId="2"/>
  </si>
  <si>
    <t>かながわアーバンスポーツ・ファン・プログラム
アーバンスポーツ体験会（BMX）</t>
    <phoneticPr fontId="2"/>
  </si>
  <si>
    <t>BNXの無料体験会を実施します。</t>
    <rPh sb="4" eb="6">
      <t>ムリョウ</t>
    </rPh>
    <rPh sb="6" eb="8">
      <t>タイケン</t>
    </rPh>
    <rPh sb="8" eb="9">
      <t>カイ</t>
    </rPh>
    <rPh sb="10" eb="12">
      <t>ジッシ</t>
    </rPh>
    <phoneticPr fontId="2"/>
  </si>
  <si>
    <t>アサンテ スポーツパーク（神奈川県立スポーツセンター）</t>
    <phoneticPr fontId="2"/>
  </si>
  <si>
    <t>善行駅</t>
    <rPh sb="0" eb="2">
      <t>ゼンギョウ</t>
    </rPh>
    <rPh sb="2" eb="3">
      <t>エキ</t>
    </rPh>
    <phoneticPr fontId="2"/>
  </si>
  <si>
    <t>県民スポーツ月間
「スポーツ体験イベント」
※イベント名称検討中</t>
    <rPh sb="0" eb="2">
      <t>ケンミン</t>
    </rPh>
    <rPh sb="6" eb="8">
      <t>ゲッカン</t>
    </rPh>
    <rPh sb="14" eb="16">
      <t>タイケン</t>
    </rPh>
    <rPh sb="27" eb="29">
      <t>メイショウ</t>
    </rPh>
    <rPh sb="29" eb="32">
      <t>ケントウチュウ</t>
    </rPh>
    <phoneticPr fontId="2"/>
  </si>
  <si>
    <t>誰もが楽しみながら、スポーツを継続する意欲を高めるため、誰もが参加できて多くの人と交流できる、パラスポーツ体験会等を実施します。</t>
    <rPh sb="0" eb="1">
      <t>ダレ</t>
    </rPh>
    <rPh sb="55" eb="56">
      <t>カイ</t>
    </rPh>
    <rPh sb="56" eb="57">
      <t>トウ</t>
    </rPh>
    <rPh sb="58" eb="60">
      <t>ジッシ</t>
    </rPh>
    <phoneticPr fontId="2"/>
  </si>
  <si>
    <t>アサンテ スポーツパーク（神奈川県立スポーツセンター）</t>
    <rPh sb="13" eb="18">
      <t>カナガワケンリツ</t>
    </rPh>
    <phoneticPr fontId="2"/>
  </si>
  <si>
    <t>神奈川県</t>
  </si>
  <si>
    <t>https://www.pref.kanagawa.jp/docs/tz5/cnt/f6135/index.html</t>
  </si>
  <si>
    <t>県民スポーツ月間
「かながわレクリエーション大会202５」</t>
    <rPh sb="0" eb="2">
      <t>ケンミン</t>
    </rPh>
    <rPh sb="6" eb="8">
      <t>ゲッカン</t>
    </rPh>
    <rPh sb="22" eb="24">
      <t>タイカイ</t>
    </rPh>
    <phoneticPr fontId="2"/>
  </si>
  <si>
    <t>だれもが気軽に楽しめ、健康増進に役立つレクリエーション種目が体験できるイベントです。</t>
    <rPh sb="4" eb="6">
      <t>キガル</t>
    </rPh>
    <rPh sb="7" eb="8">
      <t>タノ</t>
    </rPh>
    <rPh sb="11" eb="15">
      <t>ケンコウゾウシン</t>
    </rPh>
    <rPh sb="16" eb="18">
      <t>ヤクダ</t>
    </rPh>
    <rPh sb="27" eb="29">
      <t>シュモク</t>
    </rPh>
    <rPh sb="30" eb="32">
      <t>タイケン</t>
    </rPh>
    <phoneticPr fontId="2"/>
  </si>
  <si>
    <t>善行駅</t>
  </si>
  <si>
    <t>ビーチヨガ教室</t>
    <rPh sb="5" eb="7">
      <t>キョウシツ</t>
    </rPh>
    <phoneticPr fontId="2"/>
  </si>
  <si>
    <t>利用者の健康増進を図るため、講師を招き、アウトドア（芝生広場）でのヨガ教室を開催します。
　</t>
    <phoneticPr fontId="2"/>
  </si>
  <si>
    <t>県立湘南海岸公園</t>
    <rPh sb="0" eb="2">
      <t>ケンリツ</t>
    </rPh>
    <rPh sb="2" eb="4">
      <t>ショウナン</t>
    </rPh>
    <rPh sb="4" eb="6">
      <t>カイガン</t>
    </rPh>
    <rPh sb="6" eb="8">
      <t>コウエン</t>
    </rPh>
    <phoneticPr fontId="2"/>
  </si>
  <si>
    <t>小田急線鵠沼海岸駅</t>
    <rPh sb="0" eb="4">
      <t>オダキュウセン</t>
    </rPh>
    <rPh sb="4" eb="6">
      <t>クゲヌマ</t>
    </rPh>
    <rPh sb="6" eb="8">
      <t>カイガン</t>
    </rPh>
    <rPh sb="8" eb="9">
      <t>エキ</t>
    </rPh>
    <phoneticPr fontId="2"/>
  </si>
  <si>
    <t>湘南海岸公園管理事務所</t>
    <rPh sb="0" eb="2">
      <t>ショウナン</t>
    </rPh>
    <rPh sb="2" eb="4">
      <t>カイガン</t>
    </rPh>
    <rPh sb="4" eb="6">
      <t>コウエン</t>
    </rPh>
    <rPh sb="6" eb="8">
      <t>カンリ</t>
    </rPh>
    <rPh sb="8" eb="10">
      <t>ジム</t>
    </rPh>
    <rPh sb="10" eb="11">
      <t>ショ</t>
    </rPh>
    <phoneticPr fontId="2"/>
  </si>
  <si>
    <t>https://www.s-n-p.jp/shonankaigan_park/news/2025yoga.html</t>
    <phoneticPr fontId="2"/>
  </si>
  <si>
    <t>ビーチワークアウト</t>
    <phoneticPr fontId="2"/>
  </si>
  <si>
    <t>利用者の健康増進を図るため、講師（プロトレーナー）を招き、アウトドア（芝生広場）での筋トレ、有酸素運動教室を開催します。
　</t>
    <phoneticPr fontId="2"/>
  </si>
  <si>
    <t>9月実施予定</t>
    <rPh sb="1" eb="2">
      <t>ガツ</t>
    </rPh>
    <rPh sb="2" eb="4">
      <t>ジッシ</t>
    </rPh>
    <rPh sb="4" eb="6">
      <t>ヨテイ</t>
    </rPh>
    <phoneticPr fontId="2"/>
  </si>
  <si>
    <t>https://www.s-n-p.jp/shonankaigan_park/news/</t>
    <phoneticPr fontId="2"/>
  </si>
  <si>
    <t>ビーチワークアウト</t>
  </si>
  <si>
    <t>利用者の健康増進を図るため、講師（プロトレーナー）を招き、アウトドア（芝生広場）での筋トレ、有酸素運動教室を開催します。
　</t>
    <phoneticPr fontId="17"/>
  </si>
  <si>
    <t>10月実施予定</t>
    <rPh sb="2" eb="3">
      <t>ガツ</t>
    </rPh>
    <rPh sb="3" eb="5">
      <t>ジッシ</t>
    </rPh>
    <rPh sb="5" eb="7">
      <t>ヨテイ</t>
    </rPh>
    <phoneticPr fontId="2"/>
  </si>
  <si>
    <t>11月実施予定</t>
    <rPh sb="2" eb="3">
      <t>ガツ</t>
    </rPh>
    <rPh sb="3" eb="5">
      <t>ジッシ</t>
    </rPh>
    <rPh sb="5" eb="7">
      <t>ヨテイ</t>
    </rPh>
    <phoneticPr fontId="2"/>
  </si>
  <si>
    <t>神奈川県民ホール presents　藤沢市民オペラ 連携事業 オペラシリーズ
モーツァルト オペラ《羊飼いの王様》全2幕
（演奏会形式／イタリア語上演・日本語字幕付）</t>
    <phoneticPr fontId="2"/>
  </si>
  <si>
    <t>これまで県民ホールで上演され続けてきたオペラ制作のノウハウを継承し、県域オペラ展開シリーズを立ち上げる。第1回は誰もが知る作曲家モーツァルトが19歳の時に書いたオペラを、初演当時の演奏会形式で、日本を代表する歌手、神奈川フィルハーモニーの演奏でおくる。</t>
    <rPh sb="4" eb="6">
      <t>ケンミン</t>
    </rPh>
    <rPh sb="10" eb="12">
      <t>ジョウエン</t>
    </rPh>
    <rPh sb="14" eb="15">
      <t>ツヅ</t>
    </rPh>
    <rPh sb="22" eb="24">
      <t>セイサク</t>
    </rPh>
    <rPh sb="30" eb="32">
      <t>ケイショウ</t>
    </rPh>
    <rPh sb="34" eb="36">
      <t>ケンイキ</t>
    </rPh>
    <rPh sb="39" eb="41">
      <t>テンカイ</t>
    </rPh>
    <rPh sb="46" eb="47">
      <t>タ</t>
    </rPh>
    <rPh sb="48" eb="49">
      <t>ア</t>
    </rPh>
    <rPh sb="52" eb="53">
      <t>ダイ</t>
    </rPh>
    <rPh sb="54" eb="55">
      <t>カイ</t>
    </rPh>
    <rPh sb="56" eb="57">
      <t>ダレ</t>
    </rPh>
    <rPh sb="59" eb="60">
      <t>シ</t>
    </rPh>
    <rPh sb="61" eb="64">
      <t>サッキョクカ</t>
    </rPh>
    <rPh sb="73" eb="74">
      <t>サイ</t>
    </rPh>
    <rPh sb="75" eb="76">
      <t>トキ</t>
    </rPh>
    <rPh sb="77" eb="78">
      <t>カ</t>
    </rPh>
    <rPh sb="85" eb="87">
      <t>ショエン</t>
    </rPh>
    <rPh sb="87" eb="89">
      <t>トウジ</t>
    </rPh>
    <rPh sb="90" eb="93">
      <t>エンソウカイ</t>
    </rPh>
    <rPh sb="93" eb="95">
      <t>ケイシキ</t>
    </rPh>
    <rPh sb="97" eb="99">
      <t>ニホン</t>
    </rPh>
    <rPh sb="100" eb="102">
      <t>ダイヒョウ</t>
    </rPh>
    <rPh sb="104" eb="106">
      <t>カシュ</t>
    </rPh>
    <rPh sb="107" eb="110">
      <t>カナガワ</t>
    </rPh>
    <rPh sb="119" eb="121">
      <t>エンソウ</t>
    </rPh>
    <phoneticPr fontId="2"/>
  </si>
  <si>
    <t>藤沢市民会館　大ホール</t>
    <phoneticPr fontId="2"/>
  </si>
  <si>
    <t>藤沢駅、石上駅</t>
    <rPh sb="0" eb="3">
      <t>フジサワエキ</t>
    </rPh>
    <rPh sb="4" eb="6">
      <t>イシガミ</t>
    </rPh>
    <rPh sb="6" eb="7">
      <t>エキ</t>
    </rPh>
    <phoneticPr fontId="2"/>
  </si>
  <si>
    <t>https://www.kanagawa-kenminhall.com/d/opera_fujisawa</t>
    <phoneticPr fontId="2"/>
  </si>
  <si>
    <t>かながわアーバンスポーツ・ファン・プログラム
アーバンスポーツ体験会（スケボー）</t>
    <phoneticPr fontId="2"/>
  </si>
  <si>
    <t>スケボーの無料体験会を実施します。</t>
    <rPh sb="5" eb="7">
      <t>ムリョウ</t>
    </rPh>
    <rPh sb="7" eb="9">
      <t>タイケン</t>
    </rPh>
    <rPh sb="9" eb="10">
      <t>カイ</t>
    </rPh>
    <rPh sb="11" eb="13">
      <t>ジッシ</t>
    </rPh>
    <phoneticPr fontId="2"/>
  </si>
  <si>
    <t>ダイナシティ小田原</t>
    <rPh sb="6" eb="9">
      <t>オダワラ</t>
    </rPh>
    <phoneticPr fontId="2"/>
  </si>
  <si>
    <t>鴨宮駅</t>
    <rPh sb="0" eb="2">
      <t>カモミヤ</t>
    </rPh>
    <rPh sb="2" eb="3">
      <t>エキ</t>
    </rPh>
    <phoneticPr fontId="2"/>
  </si>
  <si>
    <t>扇町しらさぎ広場</t>
    <rPh sb="0" eb="2">
      <t>オウギチョウ</t>
    </rPh>
    <rPh sb="6" eb="8">
      <t>ヒロバ</t>
    </rPh>
    <phoneticPr fontId="2"/>
  </si>
  <si>
    <t>伊豆箱根鉄道大雄山線　五百羅漢駅
小田急線
螢田駅</t>
    <rPh sb="0" eb="2">
      <t>イズ</t>
    </rPh>
    <rPh sb="2" eb="4">
      <t>ハコネ</t>
    </rPh>
    <rPh sb="4" eb="6">
      <t>テツドウ</t>
    </rPh>
    <rPh sb="6" eb="9">
      <t>ダイユウザン</t>
    </rPh>
    <rPh sb="9" eb="10">
      <t>セン</t>
    </rPh>
    <rPh sb="11" eb="13">
      <t>ゴヒャク</t>
    </rPh>
    <rPh sb="15" eb="16">
      <t>エキ</t>
    </rPh>
    <rPh sb="17" eb="21">
      <t>オダキュウセン</t>
    </rPh>
    <rPh sb="22" eb="24">
      <t>ホタルダ</t>
    </rPh>
    <rPh sb="24" eb="25">
      <t>エキ</t>
    </rPh>
    <phoneticPr fontId="2"/>
  </si>
  <si>
    <t>県民参加の森林づくり</t>
    <rPh sb="0" eb="4">
      <t>ケンミンサンカ</t>
    </rPh>
    <rPh sb="5" eb="7">
      <t>シンリン</t>
    </rPh>
    <phoneticPr fontId="2"/>
  </si>
  <si>
    <t>神奈川県内各地で森林づくり活動を行っています。初めての方、 個人、グループ（サークル含む）、学校、企業、団体等老若男女問わず、あらゆる方々にご参加いただけます。</t>
    <phoneticPr fontId="2"/>
  </si>
  <si>
    <t>小田原市久野</t>
    <rPh sb="0" eb="4">
      <t>オダワラシ</t>
    </rPh>
    <rPh sb="4" eb="6">
      <t>クノ</t>
    </rPh>
    <phoneticPr fontId="2"/>
  </si>
  <si>
    <t>公益財団法人かながわトラストみどり財団</t>
    <rPh sb="0" eb="6">
      <t>コウエキザイダンホウジン</t>
    </rPh>
    <rPh sb="17" eb="19">
      <t>ザイダン</t>
    </rPh>
    <phoneticPr fontId="2"/>
  </si>
  <si>
    <t>公益財団法人かながわトラストみどり財団みどり森林課</t>
    <rPh sb="0" eb="4">
      <t>コウエキザイダン</t>
    </rPh>
    <rPh sb="4" eb="6">
      <t>ホウジン</t>
    </rPh>
    <rPh sb="17" eb="19">
      <t>ザイダン</t>
    </rPh>
    <rPh sb="22" eb="24">
      <t>シンリン</t>
    </rPh>
    <rPh sb="24" eb="25">
      <t>カ</t>
    </rPh>
    <phoneticPr fontId="2"/>
  </si>
  <si>
    <t>https://ktm.or.jp/event/25k-12/</t>
    <phoneticPr fontId="2"/>
  </si>
  <si>
    <t>すわのはら★秋の公園まつり</t>
    <phoneticPr fontId="2"/>
  </si>
  <si>
    <t>中学生や高校生の吹奏楽部による演奏をお楽しみいただけます。</t>
    <rPh sb="0" eb="3">
      <t>チュウガクセイ</t>
    </rPh>
    <rPh sb="4" eb="7">
      <t>コウコウセイ</t>
    </rPh>
    <rPh sb="8" eb="12">
      <t>スイソウガクブ</t>
    </rPh>
    <rPh sb="15" eb="17">
      <t>エンソウ</t>
    </rPh>
    <rPh sb="19" eb="20">
      <t>タノ</t>
    </rPh>
    <phoneticPr fontId="2"/>
  </si>
  <si>
    <t>2025/10/4
2025/10/5</t>
    <phoneticPr fontId="2"/>
  </si>
  <si>
    <t>県立おだわら諏訪の原公園</t>
    <phoneticPr fontId="2"/>
  </si>
  <si>
    <t>JR・小田急線小田原駅から県立諏訪の原公園行バス終点下車、
伊豆箱根鉄道大雄山線飯田岡駅</t>
    <rPh sb="3" eb="7">
      <t>オダキュウセン</t>
    </rPh>
    <rPh sb="26" eb="28">
      <t>ゲシャ</t>
    </rPh>
    <rPh sb="30" eb="32">
      <t>イズ</t>
    </rPh>
    <rPh sb="32" eb="34">
      <t>ハコネ</t>
    </rPh>
    <rPh sb="34" eb="36">
      <t>テツドウ</t>
    </rPh>
    <phoneticPr fontId="2"/>
  </si>
  <si>
    <t>おだわら諏訪の原公園パートナーズ</t>
    <rPh sb="4" eb="6">
      <t>スワ</t>
    </rPh>
    <rPh sb="7" eb="8">
      <t>ハラ</t>
    </rPh>
    <rPh sb="8" eb="10">
      <t>コウエン</t>
    </rPh>
    <phoneticPr fontId="2"/>
  </si>
  <si>
    <t>おだわら諏訪の原公園パークセンター</t>
    <rPh sb="4" eb="6">
      <t>スワ</t>
    </rPh>
    <rPh sb="7" eb="8">
      <t>ハラ</t>
    </rPh>
    <rPh sb="8" eb="10">
      <t>コウエン</t>
    </rPh>
    <phoneticPr fontId="17"/>
  </si>
  <si>
    <t>https://www.kanagawaparks.com/suwanohara/</t>
  </si>
  <si>
    <t>すわのはら★秋の公園まつり</t>
    <phoneticPr fontId="17"/>
  </si>
  <si>
    <t>フライングディスクを虫あみでキャッチしたり、フラフープを使ったわなげを行います。</t>
    <rPh sb="35" eb="36">
      <t>オコナ</t>
    </rPh>
    <phoneticPr fontId="17"/>
  </si>
  <si>
    <t>県立おだわら諏訪の原公園
多目的広場</t>
    <rPh sb="0" eb="2">
      <t>ケンリツ</t>
    </rPh>
    <rPh sb="6" eb="8">
      <t>スワ</t>
    </rPh>
    <rPh sb="9" eb="10">
      <t>ハラ</t>
    </rPh>
    <rPh sb="10" eb="12">
      <t>コウエン</t>
    </rPh>
    <rPh sb="13" eb="16">
      <t>タモクテキ</t>
    </rPh>
    <rPh sb="16" eb="18">
      <t>ヒロバ</t>
    </rPh>
    <phoneticPr fontId="17"/>
  </si>
  <si>
    <t>石と磁石</t>
    <rPh sb="0" eb="1">
      <t>イシ</t>
    </rPh>
    <rPh sb="2" eb="4">
      <t>ジシャク</t>
    </rPh>
    <phoneticPr fontId="2"/>
  </si>
  <si>
    <t>石の秘密を探るイベントです。</t>
    <rPh sb="0" eb="1">
      <t>イシ</t>
    </rPh>
    <rPh sb="2" eb="4">
      <t>ヒミツ</t>
    </rPh>
    <rPh sb="5" eb="6">
      <t>サグ</t>
    </rPh>
    <phoneticPr fontId="2"/>
  </si>
  <si>
    <t>仮装DEラジオ体操</t>
    <phoneticPr fontId="17"/>
  </si>
  <si>
    <t>仮装してラジオ体操を行います。</t>
    <rPh sb="10" eb="11">
      <t>オコナ</t>
    </rPh>
    <phoneticPr fontId="17"/>
  </si>
  <si>
    <t xml:space="preserve">10月下旬の土曜日・日曜日
</t>
    <rPh sb="2" eb="3">
      <t>ガツ</t>
    </rPh>
    <rPh sb="3" eb="5">
      <t>ゲジュン</t>
    </rPh>
    <rPh sb="6" eb="8">
      <t>ドヨウ</t>
    </rPh>
    <rPh sb="8" eb="9">
      <t>ビ</t>
    </rPh>
    <rPh sb="10" eb="13">
      <t>ニチヨウビ</t>
    </rPh>
    <phoneticPr fontId="17"/>
  </si>
  <si>
    <t>青空ヨガ教室</t>
  </si>
  <si>
    <t>緑いっぱいの里山公園の青空の下でヨガで気持ちよく体を動かし、心身ともにリフレッシュしましょう。</t>
    <rPh sb="0" eb="1">
      <t>ミドリ</t>
    </rPh>
    <rPh sb="6" eb="8">
      <t>サトヤマ</t>
    </rPh>
    <rPh sb="8" eb="10">
      <t>コウエン</t>
    </rPh>
    <rPh sb="11" eb="13">
      <t>アオゾラ</t>
    </rPh>
    <rPh sb="14" eb="15">
      <t>シタ</t>
    </rPh>
    <rPh sb="19" eb="21">
      <t>キモ</t>
    </rPh>
    <rPh sb="24" eb="25">
      <t>カラダ</t>
    </rPh>
    <rPh sb="26" eb="27">
      <t>ウゴ</t>
    </rPh>
    <rPh sb="30" eb="32">
      <t>シンシン</t>
    </rPh>
    <phoneticPr fontId="2"/>
  </si>
  <si>
    <t>2025/10/1
2025/11/5</t>
    <phoneticPr fontId="2"/>
  </si>
  <si>
    <t>県立茅ケ崎里山公園</t>
    <rPh sb="2" eb="7">
      <t>チガサキサトヤマ</t>
    </rPh>
    <phoneticPr fontId="2"/>
  </si>
  <si>
    <t>JR茅ヶ崎駅又は湘南台駅から文教大学行バス「芹沢入口」下車</t>
    <rPh sb="6" eb="7">
      <t>マタ</t>
    </rPh>
    <rPh sb="14" eb="16">
      <t>ブンキョウ</t>
    </rPh>
    <rPh sb="16" eb="18">
      <t>ダイガク</t>
    </rPh>
    <rPh sb="18" eb="19">
      <t>イキ</t>
    </rPh>
    <rPh sb="22" eb="24">
      <t>セリザワ</t>
    </rPh>
    <rPh sb="24" eb="26">
      <t>イリグチ</t>
    </rPh>
    <rPh sb="27" eb="29">
      <t>ゲシャ</t>
    </rPh>
    <phoneticPr fontId="2"/>
  </si>
  <si>
    <t>公益財団法人神奈川県公園協会・株式会社小田急ビルサービスグループ</t>
    <rPh sb="15" eb="19">
      <t>カブ</t>
    </rPh>
    <rPh sb="19" eb="22">
      <t>オダキュウ</t>
    </rPh>
    <phoneticPr fontId="2"/>
  </si>
  <si>
    <t>一般の方（定員20名）</t>
    <rPh sb="5" eb="7">
      <t>テイイン</t>
    </rPh>
    <rPh sb="9" eb="10">
      <t>メイ</t>
    </rPh>
    <phoneticPr fontId="2"/>
  </si>
  <si>
    <t>茅ケ崎里山公園パークセンター</t>
    <rPh sb="0" eb="5">
      <t>チガサキサトヤマ</t>
    </rPh>
    <phoneticPr fontId="2"/>
  </si>
  <si>
    <t xml:space="preserve">https://www.kanagawa-park.or.jp/satoyama/
</t>
    <phoneticPr fontId="17"/>
  </si>
  <si>
    <t>セーリング体験会</t>
    <rPh sb="5" eb="8">
      <t>タイケンカイ</t>
    </rPh>
    <phoneticPr fontId="2"/>
  </si>
  <si>
    <t>多くの方にスポーツに親しんでいただくため、様々な種目のスポーツ体験会を行います。今年度は、パリ2024オリンピック競技大会で日本代表が20年ぶりに銀メダルを獲得したセーリングに注目し、ウインドサーフィンやヨットの体験会を実施します。</t>
    <rPh sb="35" eb="36">
      <t>オコナ</t>
    </rPh>
    <rPh sb="106" eb="108">
      <t>タイケン</t>
    </rPh>
    <rPh sb="108" eb="109">
      <t>カイ</t>
    </rPh>
    <rPh sb="110" eb="112">
      <t>ジッシ</t>
    </rPh>
    <phoneticPr fontId="2"/>
  </si>
  <si>
    <t>多くの方にスポーツに親しんでいただくため、様々な種目のスポーツ体験会を行います。今年度は、パリ2024オリンピック競技大会で日本代表が20年ぶりに銀メダルを獲得したセーリングに注目し、ウインドサーフィンやヨットの体験会を実施します。</t>
    <phoneticPr fontId="2"/>
  </si>
  <si>
    <t>逗子海岸（マリンボックス100）</t>
    <rPh sb="0" eb="4">
      <t>ズシカイガン</t>
    </rPh>
    <phoneticPr fontId="2"/>
  </si>
  <si>
    <t>逗子駅
逗子・葉山駅</t>
    <rPh sb="0" eb="2">
      <t>ズシ</t>
    </rPh>
    <rPh sb="2" eb="3">
      <t>エキ</t>
    </rPh>
    <rPh sb="4" eb="6">
      <t>ズシ</t>
    </rPh>
    <rPh sb="7" eb="9">
      <t>ハヤマ</t>
    </rPh>
    <rPh sb="9" eb="10">
      <t>エキ</t>
    </rPh>
    <phoneticPr fontId="2"/>
  </si>
  <si>
    <t>県内在住の小学生とその保護者</t>
    <rPh sb="11" eb="14">
      <t>ホゴシャ</t>
    </rPh>
    <phoneticPr fontId="2"/>
  </si>
  <si>
    <t xml:space="preserve">https://www.pref.kanagawa.jp/docs/tz5/pub/r7-sailingkansen-taiken.html
</t>
    <phoneticPr fontId="2"/>
  </si>
  <si>
    <t>ロボットプログラム「対決！ロボットバトル」（午前の部）</t>
    <rPh sb="10" eb="12">
      <t>タイケツ</t>
    </rPh>
    <rPh sb="22" eb="24">
      <t>ゴゼン</t>
    </rPh>
    <rPh sb="25" eb="26">
      <t>ブ</t>
    </rPh>
    <phoneticPr fontId="2"/>
  </si>
  <si>
    <t>センサーをうまく使いながら、相手をフィールドから落とすプログラムを考えよう。</t>
    <rPh sb="8" eb="9">
      <t>ツカ</t>
    </rPh>
    <rPh sb="14" eb="16">
      <t>アイテ</t>
    </rPh>
    <rPh sb="24" eb="25">
      <t>オ</t>
    </rPh>
    <rPh sb="33" eb="34">
      <t>カンガ</t>
    </rPh>
    <phoneticPr fontId="2"/>
  </si>
  <si>
    <t>神奈川県立青少年センター科学部（本厚木）</t>
    <rPh sb="0" eb="5">
      <t>カナガワケンリツ</t>
    </rPh>
    <rPh sb="5" eb="8">
      <t>セイショウネン</t>
    </rPh>
    <rPh sb="12" eb="14">
      <t>カガク</t>
    </rPh>
    <rPh sb="14" eb="15">
      <t>ブ</t>
    </rPh>
    <rPh sb="16" eb="19">
      <t>ホンアツギ</t>
    </rPh>
    <phoneticPr fontId="2"/>
  </si>
  <si>
    <t>小学3～6年生</t>
    <rPh sb="0" eb="2">
      <t>ショウガク</t>
    </rPh>
    <rPh sb="5" eb="7">
      <t>ネンセイ</t>
    </rPh>
    <phoneticPr fontId="2"/>
  </si>
  <si>
    <t>ロボットプログラム「対決！ロボットバトル」（午後の部）</t>
    <rPh sb="10" eb="12">
      <t>タイケツ</t>
    </rPh>
    <rPh sb="22" eb="24">
      <t>ゴゴ</t>
    </rPh>
    <rPh sb="25" eb="26">
      <t>ブ</t>
    </rPh>
    <phoneticPr fontId="2"/>
  </si>
  <si>
    <t>科学体験教室「電子オルゴールをつくろう（電子工作）」（午後の部）</t>
    <rPh sb="0" eb="2">
      <t>カガク</t>
    </rPh>
    <rPh sb="2" eb="4">
      <t>タイケン</t>
    </rPh>
    <rPh sb="4" eb="6">
      <t>キョウシツ</t>
    </rPh>
    <rPh sb="7" eb="9">
      <t>デンシ</t>
    </rPh>
    <rPh sb="20" eb="22">
      <t>デンシ</t>
    </rPh>
    <rPh sb="22" eb="24">
      <t>コウサク</t>
    </rPh>
    <rPh sb="28" eb="29">
      <t>アト</t>
    </rPh>
    <phoneticPr fontId="2"/>
  </si>
  <si>
    <t>はんだ付け工作を行い電子オルゴールを作ります。</t>
    <rPh sb="3" eb="4">
      <t>ツ</t>
    </rPh>
    <rPh sb="5" eb="7">
      <t>コウサク</t>
    </rPh>
    <rPh sb="8" eb="9">
      <t>オコナ</t>
    </rPh>
    <rPh sb="10" eb="12">
      <t>デンシ</t>
    </rPh>
    <rPh sb="18" eb="19">
      <t>ツク</t>
    </rPh>
    <phoneticPr fontId="2"/>
  </si>
  <si>
    <t>小学5～中学3年生</t>
    <rPh sb="0" eb="2">
      <t>ショウガク</t>
    </rPh>
    <rPh sb="4" eb="6">
      <t>チュウガク</t>
    </rPh>
    <rPh sb="7" eb="9">
      <t>ネンセイ</t>
    </rPh>
    <phoneticPr fontId="2"/>
  </si>
  <si>
    <t>森林セラピー®体験ウオーク</t>
    <rPh sb="0" eb="2">
      <t>シンリン</t>
    </rPh>
    <rPh sb="7" eb="9">
      <t>タイケン</t>
    </rPh>
    <phoneticPr fontId="17"/>
  </si>
  <si>
    <t>森林セラピー基地として認定された七沢森林公園で、癒しを体験します。</t>
    <phoneticPr fontId="17"/>
  </si>
  <si>
    <t>2025/9/14
2025/10/12
2025/11/9</t>
    <phoneticPr fontId="17"/>
  </si>
  <si>
    <t>県立七沢森林公園</t>
    <rPh sb="0" eb="2">
      <t>ケンリツ</t>
    </rPh>
    <rPh sb="2" eb="4">
      <t>ナナサワ</t>
    </rPh>
    <rPh sb="4" eb="6">
      <t>シンリン</t>
    </rPh>
    <rPh sb="6" eb="8">
      <t>コウエン</t>
    </rPh>
    <phoneticPr fontId="17"/>
  </si>
  <si>
    <t>小田急線本厚木駅・厚木バスセンターから森の里行バス「森の里三丁目」下車</t>
    <rPh sb="0" eb="4">
      <t>オダキュウセン</t>
    </rPh>
    <rPh sb="19" eb="20">
      <t>モリ</t>
    </rPh>
    <rPh sb="21" eb="22">
      <t>サト</t>
    </rPh>
    <rPh sb="22" eb="23">
      <t>ユキ</t>
    </rPh>
    <rPh sb="26" eb="27">
      <t>モリ</t>
    </rPh>
    <rPh sb="28" eb="29">
      <t>サト</t>
    </rPh>
    <rPh sb="29" eb="32">
      <t>サンチョウメ</t>
    </rPh>
    <rPh sb="33" eb="35">
      <t>ゲシャ</t>
    </rPh>
    <phoneticPr fontId="17"/>
  </si>
  <si>
    <t>公益財団法人神奈川県公園共架</t>
    <rPh sb="0" eb="2">
      <t>コウエキ</t>
    </rPh>
    <rPh sb="2" eb="4">
      <t>ザイダン</t>
    </rPh>
    <rPh sb="4" eb="6">
      <t>ホウジン</t>
    </rPh>
    <rPh sb="6" eb="10">
      <t>カナガワケン</t>
    </rPh>
    <rPh sb="10" eb="12">
      <t>コウエン</t>
    </rPh>
    <rPh sb="12" eb="14">
      <t>キョウカ</t>
    </rPh>
    <phoneticPr fontId="17"/>
  </si>
  <si>
    <t>七沢森林公園管理事務所</t>
    <rPh sb="0" eb="2">
      <t>ナナサワ</t>
    </rPh>
    <rPh sb="2" eb="6">
      <t>シンリンコウエン</t>
    </rPh>
    <rPh sb="6" eb="11">
      <t>カンリジムショ</t>
    </rPh>
    <phoneticPr fontId="2"/>
  </si>
  <si>
    <t>https://www.kanagawa-park.or.jp/nanasawa/event.html</t>
    <phoneticPr fontId="17"/>
  </si>
  <si>
    <t>ノルディックウォーキング体験</t>
  </si>
  <si>
    <t>指導者と一緒にノルディックウォーキング用ポールを使い園内をウォーキング体験します。</t>
    <phoneticPr fontId="17"/>
  </si>
  <si>
    <t>2025/9/21
2025/10/19
2025/11/16</t>
    <phoneticPr fontId="17"/>
  </si>
  <si>
    <t>https://www.kanagawa-park.or.jp/nanasawa/event.html</t>
    <phoneticPr fontId="2"/>
  </si>
  <si>
    <t>ツリークライミング®　
体験会</t>
    <rPh sb="12" eb="15">
      <t>タイケンカイ</t>
    </rPh>
    <phoneticPr fontId="17"/>
  </si>
  <si>
    <t>指導者と一緒に専用のロープや安全保護具を利用して木に登り、自然との一体感を体験します。</t>
    <phoneticPr fontId="17"/>
  </si>
  <si>
    <t>小学生、中学生は保護者同伴</t>
    <phoneticPr fontId="17"/>
  </si>
  <si>
    <t>イオンモール大和</t>
    <rPh sb="6" eb="8">
      <t>ヤマト</t>
    </rPh>
    <phoneticPr fontId="2"/>
  </si>
  <si>
    <t>鶴間駅</t>
    <rPh sb="0" eb="2">
      <t>ツルマ</t>
    </rPh>
    <rPh sb="2" eb="3">
      <t>エキ</t>
    </rPh>
    <phoneticPr fontId="2"/>
  </si>
  <si>
    <t>プチロボで競走しよう大和大会①</t>
    <rPh sb="10" eb="12">
      <t>ヤマト</t>
    </rPh>
    <phoneticPr fontId="2"/>
  </si>
  <si>
    <t>午前中は「はんだつけ工作」を行い、コントローラー付きの小さなロボットを組み立てます。午後は「タイムアタック」を行い、特製コースをいかに速く走破できるか競います。</t>
    <rPh sb="0" eb="3">
      <t>ゴゼンチュウ</t>
    </rPh>
    <rPh sb="42" eb="44">
      <t>ゴゴ</t>
    </rPh>
    <rPh sb="55" eb="56">
      <t>オコナ</t>
    </rPh>
    <rPh sb="67" eb="68">
      <t>ハヤ</t>
    </rPh>
    <phoneticPr fontId="2"/>
  </si>
  <si>
    <t>大和市桜丘学習センター</t>
    <rPh sb="0" eb="3">
      <t>ヤマトシ</t>
    </rPh>
    <rPh sb="3" eb="7">
      <t>サクラガオカガクシュウ</t>
    </rPh>
    <phoneticPr fontId="2"/>
  </si>
  <si>
    <t>桜ヶ丘駅</t>
    <rPh sb="0" eb="3">
      <t>サクラガオカ</t>
    </rPh>
    <rPh sb="3" eb="4">
      <t>エキ</t>
    </rPh>
    <phoneticPr fontId="2"/>
  </si>
  <si>
    <t>プチロボで競走しよう大和大会②</t>
    <rPh sb="10" eb="12">
      <t>ヤマト</t>
    </rPh>
    <phoneticPr fontId="2"/>
  </si>
  <si>
    <t>ミニ観察会</t>
    <rPh sb="2" eb="5">
      <t>カンサツカイ</t>
    </rPh>
    <phoneticPr fontId="2"/>
  </si>
  <si>
    <t>伊勢原グリーン・インストラクター会の皆さんと園路を散策しながら秋の里山の自然を観察します。</t>
    <rPh sb="0" eb="3">
      <t>イセハラ</t>
    </rPh>
    <rPh sb="16" eb="17">
      <t>カイ</t>
    </rPh>
    <rPh sb="18" eb="19">
      <t>ミナ</t>
    </rPh>
    <rPh sb="22" eb="24">
      <t>エンロ</t>
    </rPh>
    <rPh sb="25" eb="27">
      <t>サンサク</t>
    </rPh>
    <rPh sb="31" eb="32">
      <t>アキ</t>
    </rPh>
    <rPh sb="33" eb="35">
      <t>サトヤマ</t>
    </rPh>
    <rPh sb="36" eb="38">
      <t>シゼン</t>
    </rPh>
    <rPh sb="39" eb="41">
      <t>カンサツ</t>
    </rPh>
    <phoneticPr fontId="2"/>
  </si>
  <si>
    <t>県立いせはら塔の山緑地公園</t>
    <rPh sb="0" eb="2">
      <t>ケンリツ</t>
    </rPh>
    <rPh sb="6" eb="7">
      <t>トウ</t>
    </rPh>
    <rPh sb="8" eb="13">
      <t>ヤマリョクチコウエン</t>
    </rPh>
    <phoneticPr fontId="2"/>
  </si>
  <si>
    <t>小田急線伊勢原駅から栗原行きバス「東京農大伊勢原農場前」下車</t>
    <rPh sb="0" eb="4">
      <t>オダキュウセン</t>
    </rPh>
    <rPh sb="4" eb="7">
      <t>イセハラ</t>
    </rPh>
    <rPh sb="7" eb="8">
      <t>エキ</t>
    </rPh>
    <rPh sb="10" eb="12">
      <t>クリハラ</t>
    </rPh>
    <rPh sb="12" eb="13">
      <t>ユキ</t>
    </rPh>
    <rPh sb="17" eb="19">
      <t>トウキョウ</t>
    </rPh>
    <rPh sb="19" eb="21">
      <t>ノウダイ</t>
    </rPh>
    <rPh sb="21" eb="24">
      <t>イセハラ</t>
    </rPh>
    <rPh sb="24" eb="26">
      <t>ノウジョウ</t>
    </rPh>
    <rPh sb="26" eb="27">
      <t>マエ</t>
    </rPh>
    <rPh sb="28" eb="30">
      <t>ゲシャ</t>
    </rPh>
    <phoneticPr fontId="2"/>
  </si>
  <si>
    <t>株式会社
藤横緑化土木</t>
    <rPh sb="0" eb="4">
      <t>カブシキガイシャ</t>
    </rPh>
    <rPh sb="5" eb="6">
      <t>フジ</t>
    </rPh>
    <rPh sb="6" eb="7">
      <t>ヨコ</t>
    </rPh>
    <rPh sb="7" eb="9">
      <t>リョッカ</t>
    </rPh>
    <rPh sb="9" eb="11">
      <t>ドボク</t>
    </rPh>
    <phoneticPr fontId="2"/>
  </si>
  <si>
    <t>いせはら塔の山緑地公園パークセンター</t>
    <rPh sb="4" eb="5">
      <t>トウ</t>
    </rPh>
    <rPh sb="6" eb="11">
      <t>ヤマリョクチコウエン</t>
    </rPh>
    <phoneticPr fontId="2"/>
  </si>
  <si>
    <t xml:space="preserve"> ’相模川を知ろう’
展示と相模川ウォーキング</t>
    <rPh sb="2" eb="5">
      <t>サガミガワ</t>
    </rPh>
    <rPh sb="6" eb="7">
      <t>シ</t>
    </rPh>
    <rPh sb="11" eb="13">
      <t>テンジ</t>
    </rPh>
    <rPh sb="14" eb="17">
      <t>サガミガワ</t>
    </rPh>
    <phoneticPr fontId="2"/>
  </si>
  <si>
    <t>公園の西側を流れる相模川について、様々なことについて学べる展示と解説を聞きながら相模川に沿って歩きます。</t>
    <rPh sb="0" eb="2">
      <t>コウエン</t>
    </rPh>
    <rPh sb="3" eb="5">
      <t>ニシガワ</t>
    </rPh>
    <rPh sb="6" eb="7">
      <t>ナガ</t>
    </rPh>
    <rPh sb="9" eb="12">
      <t>サガミガワ</t>
    </rPh>
    <rPh sb="17" eb="19">
      <t>サマザマ</t>
    </rPh>
    <rPh sb="26" eb="27">
      <t>マナ</t>
    </rPh>
    <rPh sb="29" eb="31">
      <t>テンジ</t>
    </rPh>
    <rPh sb="32" eb="34">
      <t>カイセツ</t>
    </rPh>
    <rPh sb="35" eb="36">
      <t>キ</t>
    </rPh>
    <rPh sb="40" eb="43">
      <t>サガミガワ</t>
    </rPh>
    <rPh sb="44" eb="45">
      <t>ソ</t>
    </rPh>
    <rPh sb="47" eb="48">
      <t>アル</t>
    </rPh>
    <phoneticPr fontId="2"/>
  </si>
  <si>
    <t>県立相模三川公園</t>
    <rPh sb="0" eb="2">
      <t>ケンリツ</t>
    </rPh>
    <rPh sb="2" eb="8">
      <t>サガミサンセンコウエン</t>
    </rPh>
    <phoneticPr fontId="2"/>
  </si>
  <si>
    <t>JR・小田急線・相模鉄道海老名駅</t>
    <rPh sb="3" eb="7">
      <t>オダキュウセン</t>
    </rPh>
    <rPh sb="8" eb="10">
      <t>サガミ</t>
    </rPh>
    <rPh sb="10" eb="12">
      <t>テツドウ</t>
    </rPh>
    <rPh sb="12" eb="16">
      <t>エビナエキ</t>
    </rPh>
    <phoneticPr fontId="2"/>
  </si>
  <si>
    <t>相模三川公園パークセンター</t>
    <rPh sb="0" eb="2">
      <t>サガミ</t>
    </rPh>
    <rPh sb="2" eb="4">
      <t>サンセン</t>
    </rPh>
    <rPh sb="4" eb="6">
      <t>コウエン</t>
    </rPh>
    <phoneticPr fontId="2"/>
  </si>
  <si>
    <t>https://www.kanagawa-park.or.jp/sagamisansen/</t>
    <phoneticPr fontId="17"/>
  </si>
  <si>
    <t>ラジオ体操の日</t>
    <rPh sb="3" eb="5">
      <t>タイソウ</t>
    </rPh>
    <rPh sb="6" eb="7">
      <t>ヒ</t>
    </rPh>
    <phoneticPr fontId="2"/>
  </si>
  <si>
    <t>気軽にできるラジオ体操で健康なからだづくりを目指しましょう。</t>
    <rPh sb="0" eb="2">
      <t>キガル</t>
    </rPh>
    <rPh sb="9" eb="11">
      <t>タイソウ</t>
    </rPh>
    <phoneticPr fontId="2"/>
  </si>
  <si>
    <t>パークヨガ</t>
  </si>
  <si>
    <t>ヨガ講師の指導を受けながら、公園の芝生地を利用し青空の下で無理なく体を動かして体づくりを行います。</t>
    <rPh sb="2" eb="4">
      <t>コウシ</t>
    </rPh>
    <rPh sb="5" eb="7">
      <t>シドウ</t>
    </rPh>
    <rPh sb="8" eb="9">
      <t>ウ</t>
    </rPh>
    <rPh sb="14" eb="16">
      <t>コウエン</t>
    </rPh>
    <rPh sb="17" eb="19">
      <t>シバフ</t>
    </rPh>
    <rPh sb="19" eb="20">
      <t>チ</t>
    </rPh>
    <rPh sb="21" eb="23">
      <t>リヨウ</t>
    </rPh>
    <rPh sb="24" eb="26">
      <t>アオゾラ</t>
    </rPh>
    <rPh sb="27" eb="28">
      <t>シタ</t>
    </rPh>
    <rPh sb="29" eb="31">
      <t>ムリ</t>
    </rPh>
    <rPh sb="33" eb="34">
      <t>カラダ</t>
    </rPh>
    <rPh sb="35" eb="36">
      <t>ウゴ</t>
    </rPh>
    <rPh sb="39" eb="40">
      <t>カラダ</t>
    </rPh>
    <rPh sb="44" eb="45">
      <t>オコナ</t>
    </rPh>
    <phoneticPr fontId="2"/>
  </si>
  <si>
    <t>大人クラス
成人の方
子育て中のお父さん、お母さん</t>
    <rPh sb="0" eb="2">
      <t>オトナ</t>
    </rPh>
    <rPh sb="6" eb="8">
      <t>セイジン</t>
    </rPh>
    <rPh sb="9" eb="10">
      <t>カタ</t>
    </rPh>
    <rPh sb="11" eb="13">
      <t>コソダ</t>
    </rPh>
    <rPh sb="14" eb="15">
      <t>チュウ</t>
    </rPh>
    <rPh sb="17" eb="18">
      <t>トウ</t>
    </rPh>
    <rPh sb="22" eb="23">
      <t>カア</t>
    </rPh>
    <phoneticPr fontId="2"/>
  </si>
  <si>
    <t>https://www.kanagawa-park.or.jp/sagamisansen/</t>
  </si>
  <si>
    <t>秋のせせらぎまつり</t>
    <rPh sb="0" eb="1">
      <t>アキ</t>
    </rPh>
    <phoneticPr fontId="2"/>
  </si>
  <si>
    <t>秋の公園祭りで音楽やパフォーマンスのステージと地元や福祉施設・キッチンカーの出店の他、レクリエーションや小物づくりの体験ができます。
ステージでは、一般の出演者の他、小学生の鼓笛隊、中学生の吹奏楽演奏、高校生の和太鼓演奏を計画しています。</t>
    <rPh sb="0" eb="1">
      <t>アキ</t>
    </rPh>
    <rPh sb="2" eb="5">
      <t>コウエンマツ</t>
    </rPh>
    <rPh sb="7" eb="9">
      <t>オンガク</t>
    </rPh>
    <rPh sb="23" eb="25">
      <t>ジモト</t>
    </rPh>
    <rPh sb="26" eb="28">
      <t>フクシ</t>
    </rPh>
    <rPh sb="28" eb="30">
      <t>シセツ</t>
    </rPh>
    <rPh sb="38" eb="40">
      <t>シュッテン</t>
    </rPh>
    <rPh sb="41" eb="42">
      <t>ホカ</t>
    </rPh>
    <rPh sb="52" eb="54">
      <t>コモノ</t>
    </rPh>
    <rPh sb="58" eb="60">
      <t>タイケン</t>
    </rPh>
    <rPh sb="74" eb="76">
      <t>イッパン</t>
    </rPh>
    <rPh sb="77" eb="80">
      <t>シュツエンシャ</t>
    </rPh>
    <rPh sb="81" eb="82">
      <t>ホカ</t>
    </rPh>
    <rPh sb="83" eb="86">
      <t>ショウガクセイ</t>
    </rPh>
    <rPh sb="87" eb="90">
      <t>コテキタイ</t>
    </rPh>
    <rPh sb="91" eb="94">
      <t>チュウガクセイ</t>
    </rPh>
    <rPh sb="95" eb="100">
      <t>スイソウガクエンソウ</t>
    </rPh>
    <rPh sb="101" eb="104">
      <t>コウコウセイ</t>
    </rPh>
    <rPh sb="105" eb="108">
      <t>ワダイコ</t>
    </rPh>
    <rPh sb="108" eb="110">
      <t>エンソウ</t>
    </rPh>
    <rPh sb="111" eb="113">
      <t>ケイカク</t>
    </rPh>
    <phoneticPr fontId="2"/>
  </si>
  <si>
    <t>プチロボで競走しよう座間大会</t>
    <rPh sb="10" eb="12">
      <t>ザマ</t>
    </rPh>
    <rPh sb="12" eb="14">
      <t>タイカイ</t>
    </rPh>
    <phoneticPr fontId="2"/>
  </si>
  <si>
    <t>座間駅
相武台前駅</t>
    <rPh sb="0" eb="2">
      <t>ザマ</t>
    </rPh>
    <rPh sb="2" eb="3">
      <t>エキ</t>
    </rPh>
    <rPh sb="4" eb="9">
      <t>ソウブダイマエエキ</t>
    </rPh>
    <phoneticPr fontId="2"/>
  </si>
  <si>
    <t>どんぐりを学ぼう</t>
    <rPh sb="5" eb="6">
      <t>マナ</t>
    </rPh>
    <phoneticPr fontId="2"/>
  </si>
  <si>
    <t>県立座間谷戸山公園を散策してどんぐりを採集し、分類や工作を行います。</t>
    <rPh sb="0" eb="2">
      <t>ケンリツ</t>
    </rPh>
    <phoneticPr fontId="2"/>
  </si>
  <si>
    <t>県立座間谷戸山公園</t>
    <rPh sb="0" eb="2">
      <t>ケンリツ</t>
    </rPh>
    <phoneticPr fontId="2"/>
  </si>
  <si>
    <t>相武台前駅
座間駅</t>
    <rPh sb="0" eb="3">
      <t>ソウブダイ</t>
    </rPh>
    <rPh sb="3" eb="4">
      <t>マエ</t>
    </rPh>
    <rPh sb="4" eb="5">
      <t>エキ</t>
    </rPh>
    <rPh sb="6" eb="8">
      <t>ザマ</t>
    </rPh>
    <rPh sb="8" eb="9">
      <t>エキ</t>
    </rPh>
    <phoneticPr fontId="2"/>
  </si>
  <si>
    <t>小学生以上（小学生は保護者同伴）</t>
    <rPh sb="0" eb="3">
      <t>ショウガクセイ</t>
    </rPh>
    <rPh sb="3" eb="5">
      <t>イジョウ</t>
    </rPh>
    <rPh sb="6" eb="9">
      <t>ショウガクセイ</t>
    </rPh>
    <rPh sb="10" eb="13">
      <t>ホゴシャ</t>
    </rPh>
    <rPh sb="13" eb="15">
      <t>ドウハン</t>
    </rPh>
    <phoneticPr fontId="2"/>
  </si>
  <si>
    <t>定例自然観察会</t>
    <rPh sb="0" eb="2">
      <t>テイレイ</t>
    </rPh>
    <rPh sb="2" eb="4">
      <t>シゼン</t>
    </rPh>
    <rPh sb="4" eb="7">
      <t>カンサツカイ</t>
    </rPh>
    <phoneticPr fontId="2"/>
  </si>
  <si>
    <t>園内を歩きながら四季折々の自然観察を行います。</t>
    <rPh sb="0" eb="1">
      <t>エン</t>
    </rPh>
    <rPh sb="1" eb="2">
      <t>ナイ</t>
    </rPh>
    <rPh sb="3" eb="4">
      <t>アル</t>
    </rPh>
    <rPh sb="8" eb="10">
      <t>シキ</t>
    </rPh>
    <rPh sb="10" eb="12">
      <t>オリオリ</t>
    </rPh>
    <rPh sb="13" eb="15">
      <t>シゼン</t>
    </rPh>
    <rPh sb="15" eb="17">
      <t>カンサツ</t>
    </rPh>
    <rPh sb="18" eb="19">
      <t>オコナ</t>
    </rPh>
    <phoneticPr fontId="2"/>
  </si>
  <si>
    <t>2025/09/21</t>
    <phoneticPr fontId="2"/>
  </si>
  <si>
    <t>2025/091/21</t>
    <phoneticPr fontId="2"/>
  </si>
  <si>
    <t>県立座間谷戸山公園</t>
    <rPh sb="0" eb="9">
      <t>ケンリツザマヤトヤマコ</t>
    </rPh>
    <phoneticPr fontId="2"/>
  </si>
  <si>
    <t>小田急線座間駅</t>
    <rPh sb="0" eb="4">
      <t>オダキュウセン</t>
    </rPh>
    <rPh sb="4" eb="6">
      <t>ザマ</t>
    </rPh>
    <rPh sb="6" eb="7">
      <t>エキ</t>
    </rPh>
    <phoneticPr fontId="2"/>
  </si>
  <si>
    <t>神奈川県自然観察指導員連絡会</t>
    <rPh sb="4" eb="6">
      <t>シゼン</t>
    </rPh>
    <rPh sb="6" eb="8">
      <t>カンサツ</t>
    </rPh>
    <rPh sb="8" eb="11">
      <t>シドウイン</t>
    </rPh>
    <rPh sb="11" eb="14">
      <t>レンラクカイ</t>
    </rPh>
    <phoneticPr fontId="2"/>
  </si>
  <si>
    <t>座間谷戸山公園パークセンター</t>
    <rPh sb="0" eb="2">
      <t>ザマ</t>
    </rPh>
    <rPh sb="2" eb="5">
      <t>ヤトヤマ</t>
    </rPh>
    <rPh sb="5" eb="7">
      <t>コウエン</t>
    </rPh>
    <phoneticPr fontId="2"/>
  </si>
  <si>
    <t>http://www.zamayatoyama.kanagawa-park.or.jp/</t>
  </si>
  <si>
    <t>ネイチャーゲーム</t>
    <phoneticPr fontId="2"/>
  </si>
  <si>
    <t>園内の自然を題材に、様々なゲームを通して自然を体験します。</t>
    <rPh sb="0" eb="2">
      <t>エンナイ</t>
    </rPh>
    <rPh sb="3" eb="5">
      <t>シゼン</t>
    </rPh>
    <rPh sb="6" eb="8">
      <t>ダイザイ</t>
    </rPh>
    <rPh sb="10" eb="12">
      <t>サマザマ</t>
    </rPh>
    <rPh sb="17" eb="18">
      <t>トオ</t>
    </rPh>
    <rPh sb="20" eb="22">
      <t>シゼン</t>
    </rPh>
    <rPh sb="23" eb="25">
      <t>タイケン</t>
    </rPh>
    <phoneticPr fontId="2"/>
  </si>
  <si>
    <t>2025/09/28</t>
    <phoneticPr fontId="2"/>
  </si>
  <si>
    <t>小田急線相武台前駅</t>
    <rPh sb="0" eb="4">
      <t>オダキュウセン</t>
    </rPh>
    <rPh sb="4" eb="7">
      <t>ソウブダイ</t>
    </rPh>
    <rPh sb="7" eb="8">
      <t>マエ</t>
    </rPh>
    <rPh sb="8" eb="9">
      <t>エキ</t>
    </rPh>
    <phoneticPr fontId="2"/>
  </si>
  <si>
    <t>さがみシェアリングネイチャーゲームの会</t>
    <rPh sb="18" eb="19">
      <t>カイ</t>
    </rPh>
    <phoneticPr fontId="2"/>
  </si>
  <si>
    <t>歴史ハイク</t>
    <rPh sb="0" eb="2">
      <t>レキシ</t>
    </rPh>
    <phoneticPr fontId="2"/>
  </si>
  <si>
    <t>園内にある石仏や道祖神や伝説や伝承について巡るハイキングです。</t>
    <rPh sb="0" eb="2">
      <t>エンナイ</t>
    </rPh>
    <rPh sb="5" eb="7">
      <t>セキブツ</t>
    </rPh>
    <rPh sb="8" eb="10">
      <t>ドウソ</t>
    </rPh>
    <rPh sb="10" eb="11">
      <t>シン</t>
    </rPh>
    <rPh sb="12" eb="14">
      <t>デンセツ</t>
    </rPh>
    <rPh sb="15" eb="17">
      <t>デンショウ</t>
    </rPh>
    <rPh sb="21" eb="22">
      <t>メグ</t>
    </rPh>
    <phoneticPr fontId="2"/>
  </si>
  <si>
    <t>2025/10/04</t>
    <phoneticPr fontId="2"/>
  </si>
  <si>
    <t>公益財団法人神奈川県公園協会</t>
    <rPh sb="0" eb="2">
      <t>コウエキ</t>
    </rPh>
    <rPh sb="2" eb="4">
      <t>ザイダン</t>
    </rPh>
    <rPh sb="4" eb="6">
      <t>ホウジン</t>
    </rPh>
    <rPh sb="6" eb="10">
      <t>カナガワケン</t>
    </rPh>
    <rPh sb="10" eb="14">
      <t>コウエンキョウカイ</t>
    </rPh>
    <phoneticPr fontId="2"/>
  </si>
  <si>
    <t>ノルディックウォーキング体験会</t>
    <rPh sb="12" eb="15">
      <t>タイケンカイ</t>
    </rPh>
    <phoneticPr fontId="2"/>
  </si>
  <si>
    <t>自然豊かな公園で、２本のポールを使い効率的に歩き、運動機能改善してみよう。</t>
    <rPh sb="0" eb="3">
      <t>シゼンユタ</t>
    </rPh>
    <rPh sb="5" eb="7">
      <t>コウエン</t>
    </rPh>
    <rPh sb="10" eb="11">
      <t>ホン</t>
    </rPh>
    <rPh sb="16" eb="17">
      <t>ツカ</t>
    </rPh>
    <rPh sb="18" eb="21">
      <t>コウリツテキ</t>
    </rPh>
    <rPh sb="22" eb="23">
      <t>アル</t>
    </rPh>
    <rPh sb="25" eb="27">
      <t>ウンドウ</t>
    </rPh>
    <rPh sb="27" eb="29">
      <t>キノウ</t>
    </rPh>
    <rPh sb="29" eb="31">
      <t>カイゼン</t>
    </rPh>
    <phoneticPr fontId="2"/>
  </si>
  <si>
    <t>2025/10/16</t>
    <phoneticPr fontId="2"/>
  </si>
  <si>
    <t>びじゅつ広場</t>
    <rPh sb="4" eb="6">
      <t>ヒロバ</t>
    </rPh>
    <phoneticPr fontId="2"/>
  </si>
  <si>
    <t>森のはなしを聞いた後、いろんな葉っぱを集めて、葉っぱから色を見つけたり、クレヨンや絵の具を使って葉っぱを自由に描いてみよう。</t>
    <rPh sb="0" eb="1">
      <t>モリ</t>
    </rPh>
    <rPh sb="6" eb="7">
      <t>キ</t>
    </rPh>
    <rPh sb="9" eb="10">
      <t>アト</t>
    </rPh>
    <rPh sb="15" eb="16">
      <t>ハ</t>
    </rPh>
    <rPh sb="19" eb="20">
      <t>アツ</t>
    </rPh>
    <rPh sb="23" eb="24">
      <t>ハ</t>
    </rPh>
    <rPh sb="28" eb="29">
      <t>イロ</t>
    </rPh>
    <rPh sb="30" eb="31">
      <t>ミ</t>
    </rPh>
    <rPh sb="41" eb="42">
      <t>エ</t>
    </rPh>
    <rPh sb="43" eb="44">
      <t>グ</t>
    </rPh>
    <rPh sb="45" eb="46">
      <t>ツカ</t>
    </rPh>
    <rPh sb="48" eb="49">
      <t>ハ</t>
    </rPh>
    <rPh sb="52" eb="54">
      <t>ジユウ</t>
    </rPh>
    <rPh sb="55" eb="56">
      <t>カ</t>
    </rPh>
    <phoneticPr fontId="2"/>
  </si>
  <si>
    <t>2025/10/18</t>
    <phoneticPr fontId="2"/>
  </si>
  <si>
    <t>アトリエ重松</t>
    <rPh sb="4" eb="6">
      <t>シゲマツ</t>
    </rPh>
    <phoneticPr fontId="2"/>
  </si>
  <si>
    <t>4才以上と保護者　
小学3年生以上は保護者なしでも参加可能</t>
    <rPh sb="1" eb="2">
      <t>サイ</t>
    </rPh>
    <rPh sb="2" eb="4">
      <t>イジョウ</t>
    </rPh>
    <rPh sb="5" eb="7">
      <t>ホゴ</t>
    </rPh>
    <rPh sb="7" eb="8">
      <t>シャ</t>
    </rPh>
    <rPh sb="10" eb="12">
      <t>ショウガク</t>
    </rPh>
    <rPh sb="13" eb="14">
      <t>ネン</t>
    </rPh>
    <rPh sb="14" eb="15">
      <t>セイ</t>
    </rPh>
    <rPh sb="15" eb="17">
      <t>イジョウ</t>
    </rPh>
    <rPh sb="18" eb="21">
      <t>ホゴシャ</t>
    </rPh>
    <rPh sb="25" eb="27">
      <t>サンカ</t>
    </rPh>
    <rPh sb="27" eb="29">
      <t>カノウ</t>
    </rPh>
    <phoneticPr fontId="2"/>
  </si>
  <si>
    <t>http://anycolor360.sakura.ne.jp/hui_hua_jiao_shidan_caisuketchiwu_waisuketchiatorie_zhong_songxiang_mo_da_ye_yi_qian/dan_caisuketchi.html</t>
  </si>
  <si>
    <t>2025/10/19</t>
    <phoneticPr fontId="2"/>
  </si>
  <si>
    <t>http://www.zamayatoyama.kanagawa-park.or.jp/</t>
    <phoneticPr fontId="17"/>
  </si>
  <si>
    <t>森林浴体験会</t>
    <rPh sb="0" eb="5">
      <t>シンリンヨクタイケン</t>
    </rPh>
    <rPh sb="5" eb="6">
      <t>カイ</t>
    </rPh>
    <phoneticPr fontId="2"/>
  </si>
  <si>
    <t>すがすがしい空気の中をゆっくり歩き、森の香り、森の音を感じ、植物に触れ森の中で癒しの体験をしてみよう。</t>
    <rPh sb="6" eb="8">
      <t>クウキ</t>
    </rPh>
    <rPh sb="9" eb="10">
      <t>ナカ</t>
    </rPh>
    <rPh sb="15" eb="16">
      <t>アル</t>
    </rPh>
    <rPh sb="18" eb="19">
      <t>モリ</t>
    </rPh>
    <rPh sb="20" eb="21">
      <t>カオ</t>
    </rPh>
    <rPh sb="23" eb="24">
      <t>モリ</t>
    </rPh>
    <rPh sb="25" eb="26">
      <t>オト</t>
    </rPh>
    <rPh sb="27" eb="28">
      <t>カン</t>
    </rPh>
    <rPh sb="30" eb="32">
      <t>ショクブツ</t>
    </rPh>
    <rPh sb="33" eb="34">
      <t>フ</t>
    </rPh>
    <rPh sb="35" eb="36">
      <t>モリ</t>
    </rPh>
    <rPh sb="37" eb="38">
      <t>ナカ</t>
    </rPh>
    <rPh sb="39" eb="40">
      <t>イヤ</t>
    </rPh>
    <rPh sb="42" eb="44">
      <t>タイケン</t>
    </rPh>
    <phoneticPr fontId="2"/>
  </si>
  <si>
    <t>フォレストリズム倶楽部</t>
    <rPh sb="8" eb="11">
      <t>クラブ</t>
    </rPh>
    <phoneticPr fontId="2"/>
  </si>
  <si>
    <t>2025/11/16</t>
    <phoneticPr fontId="2"/>
  </si>
  <si>
    <t>2025/10116</t>
    <phoneticPr fontId="2"/>
  </si>
  <si>
    <t>ツリークライミング体験</t>
    <rPh sb="9" eb="11">
      <t>タイケン</t>
    </rPh>
    <phoneticPr fontId="2"/>
  </si>
  <si>
    <t>専用の道具を使って、木に登り高い所から景色を眺めてみよう。</t>
    <rPh sb="0" eb="2">
      <t>センヨウ</t>
    </rPh>
    <rPh sb="3" eb="5">
      <t>ドウグ</t>
    </rPh>
    <rPh sb="6" eb="7">
      <t>ツカ</t>
    </rPh>
    <rPh sb="10" eb="11">
      <t>キ</t>
    </rPh>
    <rPh sb="12" eb="13">
      <t>ノボ</t>
    </rPh>
    <rPh sb="14" eb="15">
      <t>タカ</t>
    </rPh>
    <rPh sb="16" eb="17">
      <t>トコロ</t>
    </rPh>
    <rPh sb="19" eb="21">
      <t>ケシキ</t>
    </rPh>
    <rPh sb="22" eb="23">
      <t>ナガ</t>
    </rPh>
    <phoneticPr fontId="2"/>
  </si>
  <si>
    <t>未病対策
「足柄ウォーキング」</t>
    <rPh sb="0" eb="2">
      <t>ミビョウ</t>
    </rPh>
    <rPh sb="2" eb="4">
      <t>タイサク</t>
    </rPh>
    <rPh sb="6" eb="8">
      <t>アシガラ</t>
    </rPh>
    <phoneticPr fontId="2"/>
  </si>
  <si>
    <t>本県の県西地域活性化プロジェクトに基づき、未病改善の実践の取組として、地域資源等を活用した未病改善の取組を行う。</t>
    <rPh sb="0" eb="2">
      <t>ホンケン</t>
    </rPh>
    <rPh sb="3" eb="5">
      <t>ケンセイ</t>
    </rPh>
    <rPh sb="5" eb="7">
      <t>チイキ</t>
    </rPh>
    <rPh sb="7" eb="10">
      <t>カッセイカ</t>
    </rPh>
    <rPh sb="17" eb="18">
      <t>モト</t>
    </rPh>
    <rPh sb="21" eb="23">
      <t>ミビョウ</t>
    </rPh>
    <rPh sb="23" eb="25">
      <t>カイゼン</t>
    </rPh>
    <rPh sb="26" eb="28">
      <t>ジッセン</t>
    </rPh>
    <rPh sb="29" eb="31">
      <t>トリクミ</t>
    </rPh>
    <rPh sb="35" eb="37">
      <t>チイキ</t>
    </rPh>
    <rPh sb="37" eb="39">
      <t>シゲン</t>
    </rPh>
    <rPh sb="39" eb="40">
      <t>トウ</t>
    </rPh>
    <rPh sb="41" eb="43">
      <t>カツヨウ</t>
    </rPh>
    <rPh sb="45" eb="47">
      <t>ミビョウ</t>
    </rPh>
    <rPh sb="47" eb="49">
      <t>カイゼン</t>
    </rPh>
    <rPh sb="50" eb="52">
      <t>トリクミ</t>
    </rPh>
    <rPh sb="53" eb="54">
      <t>オコナ</t>
    </rPh>
    <phoneticPr fontId="2"/>
  </si>
  <si>
    <t>神奈川県立21世紀の森</t>
    <rPh sb="0" eb="5">
      <t>カナガワケンリツ</t>
    </rPh>
    <rPh sb="7" eb="9">
      <t>セイキ</t>
    </rPh>
    <rPh sb="10" eb="11">
      <t>モリ</t>
    </rPh>
    <phoneticPr fontId="2"/>
  </si>
  <si>
    <t>開成駅</t>
    <rPh sb="0" eb="3">
      <t>カイセイエキ</t>
    </rPh>
    <phoneticPr fontId="2"/>
  </si>
  <si>
    <t>(株)アグサ
指定管理施設
神奈川県立21世紀の森</t>
    <rPh sb="0" eb="3">
      <t>カブシキガイシャ</t>
    </rPh>
    <rPh sb="7" eb="13">
      <t>シテイカンリシセツ</t>
    </rPh>
    <rPh sb="14" eb="19">
      <t>カナガワケンリツ</t>
    </rPh>
    <rPh sb="21" eb="23">
      <t>セイキ</t>
    </rPh>
    <rPh sb="24" eb="25">
      <t>モリ</t>
    </rPh>
    <phoneticPr fontId="2"/>
  </si>
  <si>
    <t>子どもと保護者
一般</t>
    <rPh sb="8" eb="10">
      <t>イッパン</t>
    </rPh>
    <phoneticPr fontId="2"/>
  </si>
  <si>
    <t>http://www.k-mask.jp/21/</t>
    <phoneticPr fontId="2"/>
  </si>
  <si>
    <t>木工体験
「四角いスツール」</t>
    <rPh sb="0" eb="4">
      <t>モッコウタイケン</t>
    </rPh>
    <rPh sb="6" eb="8">
      <t>シカク</t>
    </rPh>
    <phoneticPr fontId="2"/>
  </si>
  <si>
    <t>普段使用しない大工道具の「玄翁」をつかって、木工制作を行います。</t>
    <rPh sb="0" eb="2">
      <t>フダン</t>
    </rPh>
    <rPh sb="2" eb="4">
      <t>シヨウ</t>
    </rPh>
    <rPh sb="22" eb="24">
      <t>モッコウ</t>
    </rPh>
    <rPh sb="24" eb="26">
      <t>セイサク</t>
    </rPh>
    <rPh sb="27" eb="28">
      <t>オコナ</t>
    </rPh>
    <phoneticPr fontId="2"/>
  </si>
  <si>
    <t>自家用車</t>
    <rPh sb="0" eb="4">
      <t>ジカヨウシャ</t>
    </rPh>
    <phoneticPr fontId="2"/>
  </si>
  <si>
    <t>親子・一般</t>
    <rPh sb="0" eb="2">
      <t>オヤコ</t>
    </rPh>
    <rPh sb="3" eb="5">
      <t>イッパン</t>
    </rPh>
    <phoneticPr fontId="2"/>
  </si>
  <si>
    <t>木工体験
「ヒノキ材の箸づくり」</t>
    <rPh sb="0" eb="4">
      <t>モッコウタイケン</t>
    </rPh>
    <rPh sb="9" eb="10">
      <t>ザイ</t>
    </rPh>
    <rPh sb="11" eb="12">
      <t>ハシ</t>
    </rPh>
    <phoneticPr fontId="2"/>
  </si>
  <si>
    <t>普段使用しない大工道具の小鉋」をつかって、木工制作を行います。</t>
    <rPh sb="0" eb="2">
      <t>フダン</t>
    </rPh>
    <rPh sb="2" eb="4">
      <t>シヨウ</t>
    </rPh>
    <rPh sb="21" eb="23">
      <t>モッコウ</t>
    </rPh>
    <rPh sb="23" eb="25">
      <t>セイサク</t>
    </rPh>
    <rPh sb="26" eb="27">
      <t>オコナ</t>
    </rPh>
    <phoneticPr fontId="2"/>
  </si>
  <si>
    <t>自然観察
「秋のキノコ観察」</t>
    <rPh sb="0" eb="4">
      <t>シゼンカンサツ</t>
    </rPh>
    <rPh sb="6" eb="7">
      <t>アキ</t>
    </rPh>
    <rPh sb="11" eb="13">
      <t>カンサツ</t>
    </rPh>
    <phoneticPr fontId="2"/>
  </si>
  <si>
    <t>21世紀の森の秋に生えているキノコを観察しながら、それぞれの特徴や役割について、学びます。</t>
    <phoneticPr fontId="2"/>
  </si>
  <si>
    <t>親子・一般
（小学生以下は保護者同伴）</t>
    <rPh sb="0" eb="2">
      <t>オヤコ</t>
    </rPh>
    <rPh sb="3" eb="5">
      <t>イッパン</t>
    </rPh>
    <rPh sb="7" eb="10">
      <t>ショウガクセイ</t>
    </rPh>
    <rPh sb="10" eb="12">
      <t>イカ</t>
    </rPh>
    <rPh sb="13" eb="16">
      <t>ホゴシャ</t>
    </rPh>
    <rPh sb="16" eb="18">
      <t>ドウハン</t>
    </rPh>
    <phoneticPr fontId="2"/>
  </si>
  <si>
    <t>南足柄市</t>
    <rPh sb="0" eb="1">
      <t>ミナミ</t>
    </rPh>
    <rPh sb="1" eb="4">
      <t>アシガラシ</t>
    </rPh>
    <phoneticPr fontId="2"/>
  </si>
  <si>
    <t>南足柄市塚原</t>
    <rPh sb="0" eb="4">
      <t>ミナミアシガラシ</t>
    </rPh>
    <rPh sb="4" eb="6">
      <t>ツカハラ</t>
    </rPh>
    <phoneticPr fontId="2"/>
  </si>
  <si>
    <t>開成駅</t>
    <rPh sb="0" eb="2">
      <t>カイセイ</t>
    </rPh>
    <rPh sb="2" eb="3">
      <t>エキ</t>
    </rPh>
    <phoneticPr fontId="2"/>
  </si>
  <si>
    <t>https://ktm.or.jp/event/25k-10/</t>
    <phoneticPr fontId="2"/>
  </si>
  <si>
    <t>大磯城山公園
うつわの日</t>
    <rPh sb="0" eb="2">
      <t>オオイソ</t>
    </rPh>
    <rPh sb="2" eb="6">
      <t>ジョウヤマコウエン</t>
    </rPh>
    <rPh sb="11" eb="12">
      <t>ヒ</t>
    </rPh>
    <phoneticPr fontId="2"/>
  </si>
  <si>
    <t>大磯町内で開催される「大磯うつわの日」に参加して、地元の陶芸家が制作したうつわを展示します。</t>
    <rPh sb="0" eb="4">
      <t>オオイソチョウナイ</t>
    </rPh>
    <rPh sb="5" eb="7">
      <t>カイサイ</t>
    </rPh>
    <rPh sb="11" eb="13">
      <t>オオイソ</t>
    </rPh>
    <rPh sb="17" eb="18">
      <t>ヒ</t>
    </rPh>
    <rPh sb="20" eb="22">
      <t>サンカ</t>
    </rPh>
    <rPh sb="25" eb="27">
      <t>ジモト</t>
    </rPh>
    <rPh sb="28" eb="31">
      <t>トウゲイカ</t>
    </rPh>
    <rPh sb="32" eb="34">
      <t>セイサク</t>
    </rPh>
    <rPh sb="40" eb="42">
      <t>テンジ</t>
    </rPh>
    <phoneticPr fontId="2"/>
  </si>
  <si>
    <t>県立大磯城山公園</t>
    <rPh sb="0" eb="2">
      <t>ケンリツ</t>
    </rPh>
    <rPh sb="2" eb="8">
      <t>オオイソジョウヤマコウエン</t>
    </rPh>
    <phoneticPr fontId="2"/>
  </si>
  <si>
    <t>ＪＲ大磯駅から二宮方面行バス「城山公園前」下車</t>
    <rPh sb="2" eb="4">
      <t>オオイソ</t>
    </rPh>
    <rPh sb="4" eb="5">
      <t>エキ</t>
    </rPh>
    <rPh sb="7" eb="9">
      <t>ニノミヤ</t>
    </rPh>
    <rPh sb="9" eb="11">
      <t>ホウメン</t>
    </rPh>
    <rPh sb="11" eb="12">
      <t>ユキ</t>
    </rPh>
    <rPh sb="15" eb="20">
      <t>ジョウヤマコウエンマエ</t>
    </rPh>
    <rPh sb="21" eb="23">
      <t>ゲシャ</t>
    </rPh>
    <phoneticPr fontId="2"/>
  </si>
  <si>
    <t>大磯うつわの日実行委員会</t>
    <rPh sb="0" eb="2">
      <t>オオイソ</t>
    </rPh>
    <rPh sb="6" eb="7">
      <t>ヒ</t>
    </rPh>
    <rPh sb="7" eb="12">
      <t>ジッコウイインカイ</t>
    </rPh>
    <phoneticPr fontId="2"/>
  </si>
  <si>
    <t>県立大磯城山公園
管理事務所</t>
    <rPh sb="0" eb="8">
      <t>ケンリツオオイソジョウヤマコウエン</t>
    </rPh>
    <rPh sb="9" eb="14">
      <t>カンリジムショ</t>
    </rPh>
    <phoneticPr fontId="2"/>
  </si>
  <si>
    <t>https://www.kanagawa-park.or.jp/ooisojoyama/</t>
  </si>
  <si>
    <t>秋の盆栽展</t>
    <rPh sb="0" eb="1">
      <t>アキ</t>
    </rPh>
    <rPh sb="2" eb="5">
      <t>ボンサイテン</t>
    </rPh>
    <phoneticPr fontId="2"/>
  </si>
  <si>
    <t>大磯町の盆栽愛好家たちが丹精込めて仕立てた季節に合わせた小さな盆栽の数々を展示します。</t>
    <rPh sb="0" eb="3">
      <t>オオイソマチ</t>
    </rPh>
    <rPh sb="4" eb="9">
      <t>ボンサイアイコウカ</t>
    </rPh>
    <rPh sb="12" eb="14">
      <t>タンセイ</t>
    </rPh>
    <rPh sb="14" eb="15">
      <t>コ</t>
    </rPh>
    <rPh sb="17" eb="19">
      <t>シタ</t>
    </rPh>
    <rPh sb="21" eb="23">
      <t>キセツ</t>
    </rPh>
    <rPh sb="24" eb="25">
      <t>ア</t>
    </rPh>
    <rPh sb="28" eb="29">
      <t>チイ</t>
    </rPh>
    <rPh sb="31" eb="33">
      <t>ボンサイ</t>
    </rPh>
    <rPh sb="34" eb="36">
      <t>カズカズ</t>
    </rPh>
    <rPh sb="37" eb="39">
      <t>テンジ</t>
    </rPh>
    <phoneticPr fontId="2"/>
  </si>
  <si>
    <t>公益財団法人神奈川県公園協会・湘南造園株式会社グループ</t>
    <rPh sb="0" eb="2">
      <t>コウエキ</t>
    </rPh>
    <rPh sb="2" eb="4">
      <t>ザイダン</t>
    </rPh>
    <rPh sb="4" eb="6">
      <t>ホウジン</t>
    </rPh>
    <rPh sb="6" eb="9">
      <t>カナガワ</t>
    </rPh>
    <rPh sb="10" eb="14">
      <t>コウエンキョウカイ</t>
    </rPh>
    <rPh sb="15" eb="19">
      <t>ショウナンゾウエン</t>
    </rPh>
    <rPh sb="19" eb="23">
      <t>カブ</t>
    </rPh>
    <phoneticPr fontId="2"/>
  </si>
  <si>
    <t>大磯ガーデンアカデミー
竹灯籠講座</t>
    <rPh sb="0" eb="2">
      <t>オオイソ</t>
    </rPh>
    <rPh sb="12" eb="15">
      <t>タケトウロウ</t>
    </rPh>
    <rPh sb="15" eb="17">
      <t>コウザ</t>
    </rPh>
    <phoneticPr fontId="2"/>
  </si>
  <si>
    <t>庭園文化、管理スタッフの技術伝承を目的に「もみじのライトアップ」イベントに展示する竹灯籠を公園スタッフとともに作成します。</t>
    <rPh sb="0" eb="4">
      <t>テイエンブンカ</t>
    </rPh>
    <rPh sb="5" eb="7">
      <t>カンリ</t>
    </rPh>
    <rPh sb="12" eb="16">
      <t>ギジュツデンショウ</t>
    </rPh>
    <rPh sb="17" eb="19">
      <t>モクテキ</t>
    </rPh>
    <rPh sb="37" eb="39">
      <t>テンジ</t>
    </rPh>
    <rPh sb="41" eb="44">
      <t>タケトウロウ</t>
    </rPh>
    <rPh sb="45" eb="47">
      <t>コウエン</t>
    </rPh>
    <rPh sb="55" eb="57">
      <t>サクセイ</t>
    </rPh>
    <phoneticPr fontId="2"/>
  </si>
  <si>
    <t>神奈川県公園協会・湘南造園グループ</t>
    <rPh sb="4" eb="8">
      <t>コウエンキョウカイ</t>
    </rPh>
    <rPh sb="9" eb="13">
      <t>ショウナンゾウエン</t>
    </rPh>
    <phoneticPr fontId="2"/>
  </si>
  <si>
    <t>庭園文化、公園イベントに興味のある人</t>
    <rPh sb="0" eb="4">
      <t>テイエンブンカ</t>
    </rPh>
    <rPh sb="5" eb="7">
      <t>コウエン</t>
    </rPh>
    <rPh sb="12" eb="14">
      <t>キョウミ</t>
    </rPh>
    <rPh sb="17" eb="18">
      <t>ヒト</t>
    </rPh>
    <phoneticPr fontId="2"/>
  </si>
  <si>
    <t>大磯文化芸術祭
秋の茶会</t>
    <rPh sb="0" eb="7">
      <t>オオイソブンカゲイジュツサイ</t>
    </rPh>
    <rPh sb="8" eb="9">
      <t>アキ</t>
    </rPh>
    <rPh sb="10" eb="12">
      <t>チャカイ</t>
    </rPh>
    <phoneticPr fontId="2"/>
  </si>
  <si>
    <t>大磯町茶道協会による秋の茶会を開催します。</t>
    <rPh sb="0" eb="3">
      <t>オオイソマチ</t>
    </rPh>
    <rPh sb="3" eb="7">
      <t>サドウキョウカイ</t>
    </rPh>
    <rPh sb="10" eb="11">
      <t>アキ</t>
    </rPh>
    <rPh sb="12" eb="14">
      <t>チャカイ</t>
    </rPh>
    <rPh sb="15" eb="17">
      <t>カイサイ</t>
    </rPh>
    <phoneticPr fontId="2"/>
  </si>
  <si>
    <t>大磯町茶道協会</t>
    <rPh sb="0" eb="3">
      <t>オオイソマチ</t>
    </rPh>
    <rPh sb="3" eb="7">
      <t>サドウキョウカイ</t>
    </rPh>
    <phoneticPr fontId="2"/>
  </si>
  <si>
    <t>大磯城山公園
門スタンプラリー</t>
    <rPh sb="0" eb="4">
      <t>オオイソジョウヤマ</t>
    </rPh>
    <rPh sb="4" eb="6">
      <t>コウエン</t>
    </rPh>
    <rPh sb="7" eb="8">
      <t>モン</t>
    </rPh>
    <phoneticPr fontId="2"/>
  </si>
  <si>
    <t>公園内の各門を中心とした地点に設置してある計11個のスタンプを集めるラリーを実施します。全部集めたお客様には旧吉田茂邸兜門前に展示されていた「ざる菊」１鉢を贈呈します。</t>
    <rPh sb="0" eb="3">
      <t>コウエンナイ</t>
    </rPh>
    <rPh sb="4" eb="5">
      <t>カク</t>
    </rPh>
    <rPh sb="5" eb="6">
      <t>モン</t>
    </rPh>
    <rPh sb="7" eb="9">
      <t>チュウシン</t>
    </rPh>
    <rPh sb="12" eb="14">
      <t>チテン</t>
    </rPh>
    <rPh sb="15" eb="17">
      <t>セッチ</t>
    </rPh>
    <rPh sb="21" eb="22">
      <t>ケイ</t>
    </rPh>
    <rPh sb="24" eb="25">
      <t>コ</t>
    </rPh>
    <rPh sb="31" eb="32">
      <t>アツ</t>
    </rPh>
    <rPh sb="38" eb="40">
      <t>ジッシ</t>
    </rPh>
    <rPh sb="44" eb="47">
      <t>ゼンブアツ</t>
    </rPh>
    <rPh sb="50" eb="52">
      <t>キャクサマ</t>
    </rPh>
    <rPh sb="54" eb="59">
      <t>キュウヨシダシゲルテイ</t>
    </rPh>
    <rPh sb="59" eb="61">
      <t>カブトモン</t>
    </rPh>
    <rPh sb="61" eb="62">
      <t>マエ</t>
    </rPh>
    <rPh sb="63" eb="65">
      <t>テンジ</t>
    </rPh>
    <rPh sb="73" eb="74">
      <t>キク</t>
    </rPh>
    <rPh sb="76" eb="77">
      <t>ハチ</t>
    </rPh>
    <rPh sb="78" eb="80">
      <t>ゾウテイ</t>
    </rPh>
    <phoneticPr fontId="2"/>
  </si>
  <si>
    <t>お山の星空観察会（夏の星座）</t>
    <rPh sb="1" eb="2">
      <t>ヤマ</t>
    </rPh>
    <rPh sb="3" eb="5">
      <t>ホシゾラ</t>
    </rPh>
    <rPh sb="5" eb="7">
      <t>カンサツ</t>
    </rPh>
    <rPh sb="7" eb="8">
      <t>カイ</t>
    </rPh>
    <rPh sb="9" eb="10">
      <t>ナツ</t>
    </rPh>
    <rPh sb="11" eb="13">
      <t>セイザ</t>
    </rPh>
    <phoneticPr fontId="2"/>
  </si>
  <si>
    <t>天体観測に適した立地条件を生かし、地元講師の方を招いて夏の星座を観察し、星空観察の魅力や楽しみを伝えます。</t>
    <rPh sb="0" eb="2">
      <t>テンタイ</t>
    </rPh>
    <rPh sb="2" eb="4">
      <t>カンソク</t>
    </rPh>
    <rPh sb="5" eb="6">
      <t>テキ</t>
    </rPh>
    <rPh sb="8" eb="10">
      <t>リッチ</t>
    </rPh>
    <rPh sb="10" eb="12">
      <t>ジョウケン</t>
    </rPh>
    <rPh sb="13" eb="14">
      <t>イ</t>
    </rPh>
    <rPh sb="17" eb="19">
      <t>ジモト</t>
    </rPh>
    <rPh sb="19" eb="21">
      <t>コウシ</t>
    </rPh>
    <rPh sb="22" eb="23">
      <t>カタ</t>
    </rPh>
    <rPh sb="24" eb="25">
      <t>マネ</t>
    </rPh>
    <rPh sb="27" eb="28">
      <t>ナツ</t>
    </rPh>
    <rPh sb="29" eb="31">
      <t>セイザ</t>
    </rPh>
    <rPh sb="32" eb="34">
      <t>カンサツ</t>
    </rPh>
    <rPh sb="36" eb="38">
      <t>ホシゾラ</t>
    </rPh>
    <rPh sb="38" eb="40">
      <t>カンサツ</t>
    </rPh>
    <rPh sb="41" eb="43">
      <t>ミリョク</t>
    </rPh>
    <rPh sb="44" eb="45">
      <t>タノ</t>
    </rPh>
    <rPh sb="48" eb="49">
      <t>ツタ</t>
    </rPh>
    <phoneticPr fontId="2"/>
  </si>
  <si>
    <t>2025/9/14
(2025/9/21)</t>
    <phoneticPr fontId="17"/>
  </si>
  <si>
    <t>県立山北つぶらの公園</t>
    <rPh sb="0" eb="4">
      <t>ケンリツヤマキタ</t>
    </rPh>
    <rPh sb="8" eb="10">
      <t>コウエン</t>
    </rPh>
    <phoneticPr fontId="2"/>
  </si>
  <si>
    <t>東名高速道路大井松田ＩＣ、ＪＲ御殿場線谷峨駅から徒歩</t>
    <rPh sb="0" eb="2">
      <t>トウメイ</t>
    </rPh>
    <rPh sb="2" eb="4">
      <t>コウソク</t>
    </rPh>
    <rPh sb="4" eb="6">
      <t>ドウロ</t>
    </rPh>
    <rPh sb="6" eb="8">
      <t>オオイ</t>
    </rPh>
    <rPh sb="8" eb="10">
      <t>マツダ</t>
    </rPh>
    <rPh sb="15" eb="18">
      <t>ゴテンバ</t>
    </rPh>
    <rPh sb="18" eb="19">
      <t>セン</t>
    </rPh>
    <rPh sb="19" eb="22">
      <t>ヤガエキ</t>
    </rPh>
    <rPh sb="24" eb="26">
      <t>トホ</t>
    </rPh>
    <phoneticPr fontId="2"/>
  </si>
  <si>
    <t>公益財団法人神奈川県公園協会</t>
    <rPh sb="0" eb="6">
      <t>コウエキザイダンホウジン</t>
    </rPh>
    <rPh sb="6" eb="14">
      <t>カナガワケンコウエンキョウカイ</t>
    </rPh>
    <phoneticPr fontId="2"/>
  </si>
  <si>
    <t>山北つぶらの公園パークセンター</t>
    <rPh sb="0" eb="2">
      <t>ヤマキタ</t>
    </rPh>
    <rPh sb="6" eb="8">
      <t>コウエン</t>
    </rPh>
    <phoneticPr fontId="2"/>
  </si>
  <si>
    <t>http://www.kanagawa-park.or.jp/tsuburano/</t>
    <phoneticPr fontId="2"/>
  </si>
  <si>
    <t>山北つぶらの公園まつり</t>
    <rPh sb="0" eb="2">
      <t>ヤマキタ</t>
    </rPh>
    <rPh sb="6" eb="8">
      <t>コウエン</t>
    </rPh>
    <phoneticPr fontId="2"/>
  </si>
  <si>
    <t>マリンバコンサート、チェーンソーアート、木工教室、地元特産物の販売などを実施します。</t>
    <rPh sb="20" eb="22">
      <t>モッコウ</t>
    </rPh>
    <rPh sb="22" eb="24">
      <t>キョウシツ</t>
    </rPh>
    <rPh sb="25" eb="30">
      <t>ジモトトクサンブツ</t>
    </rPh>
    <rPh sb="31" eb="33">
      <t>ハンバイ</t>
    </rPh>
    <rPh sb="36" eb="38">
      <t>ジッシ</t>
    </rPh>
    <phoneticPr fontId="2"/>
  </si>
  <si>
    <t>2025/11/8
(2025/11/9)</t>
    <phoneticPr fontId="17"/>
  </si>
  <si>
    <t>http://www.kanagawa-park.or.jp/tsuburano/</t>
  </si>
  <si>
    <t>のろし上げ</t>
    <rPh sb="3" eb="4">
      <t>ア</t>
    </rPh>
    <phoneticPr fontId="2"/>
  </si>
  <si>
    <t>河村城まつりに併せ、山北つぶらの公園（鐘ケ塚砦跡）－河村城跡－岩原城跡とのろしを繋ぎ、戦国時代の情報伝達方法を確認する。</t>
    <rPh sb="0" eb="3">
      <t>カワムラジョウ</t>
    </rPh>
    <rPh sb="7" eb="8">
      <t>アワ</t>
    </rPh>
    <rPh sb="10" eb="12">
      <t>ヤマキタ</t>
    </rPh>
    <rPh sb="16" eb="18">
      <t>コウエン</t>
    </rPh>
    <rPh sb="19" eb="20">
      <t>カネ</t>
    </rPh>
    <rPh sb="21" eb="22">
      <t>ツカ</t>
    </rPh>
    <rPh sb="22" eb="23">
      <t>トリデ</t>
    </rPh>
    <rPh sb="23" eb="24">
      <t>アト</t>
    </rPh>
    <rPh sb="26" eb="28">
      <t>カワムラ</t>
    </rPh>
    <rPh sb="28" eb="30">
      <t>ジョウセキ</t>
    </rPh>
    <rPh sb="31" eb="33">
      <t>イワハラ</t>
    </rPh>
    <rPh sb="33" eb="34">
      <t>ジョウ</t>
    </rPh>
    <rPh sb="34" eb="35">
      <t>アト</t>
    </rPh>
    <rPh sb="40" eb="41">
      <t>ツナ</t>
    </rPh>
    <rPh sb="43" eb="47">
      <t>センゴクジダイ</t>
    </rPh>
    <rPh sb="48" eb="52">
      <t>ジョウホウデンタツ</t>
    </rPh>
    <rPh sb="52" eb="54">
      <t>ホウホウ</t>
    </rPh>
    <rPh sb="55" eb="57">
      <t>カクニン</t>
    </rPh>
    <phoneticPr fontId="2"/>
  </si>
  <si>
    <t>自然観察会</t>
    <rPh sb="0" eb="2">
      <t>シゼン</t>
    </rPh>
    <rPh sb="2" eb="5">
      <t>カンサツカイ</t>
    </rPh>
    <phoneticPr fontId="2"/>
  </si>
  <si>
    <t>公園内に咲いている山野草について、指導員による解説を交えながら園内を散策し、参加者の山野草への知識を深める。</t>
    <rPh sb="0" eb="3">
      <t>コウエンナイ</t>
    </rPh>
    <rPh sb="4" eb="5">
      <t>サ</t>
    </rPh>
    <rPh sb="9" eb="12">
      <t>サンヤソウ</t>
    </rPh>
    <rPh sb="17" eb="20">
      <t>シドウイン</t>
    </rPh>
    <rPh sb="23" eb="25">
      <t>カイセツ</t>
    </rPh>
    <rPh sb="26" eb="27">
      <t>マジ</t>
    </rPh>
    <rPh sb="31" eb="33">
      <t>エンナイ</t>
    </rPh>
    <rPh sb="34" eb="36">
      <t>サンサク</t>
    </rPh>
    <rPh sb="38" eb="41">
      <t>サンカシャ</t>
    </rPh>
    <rPh sb="42" eb="45">
      <t>サンヤソウ</t>
    </rPh>
    <rPh sb="47" eb="49">
      <t>チシキ</t>
    </rPh>
    <rPh sb="50" eb="51">
      <t>フカ</t>
    </rPh>
    <phoneticPr fontId="2"/>
  </si>
  <si>
    <t>健康ウォーキング教室</t>
    <rPh sb="0" eb="2">
      <t>ケンコウ</t>
    </rPh>
    <rPh sb="8" eb="10">
      <t>キョウシツ</t>
    </rPh>
    <phoneticPr fontId="17"/>
  </si>
  <si>
    <t>専門の講師から基礎知識を学んだあと、園内を歩きながら疲労しにくい歩き方や休み方を実践します。</t>
    <rPh sb="0" eb="2">
      <t>センモン</t>
    </rPh>
    <rPh sb="3" eb="5">
      <t>コウシ</t>
    </rPh>
    <rPh sb="7" eb="9">
      <t>キソ</t>
    </rPh>
    <rPh sb="9" eb="11">
      <t>チシキ</t>
    </rPh>
    <rPh sb="12" eb="13">
      <t>マナ</t>
    </rPh>
    <rPh sb="18" eb="20">
      <t>エンナイ</t>
    </rPh>
    <rPh sb="21" eb="22">
      <t>アル</t>
    </rPh>
    <rPh sb="26" eb="28">
      <t>ヒロウ</t>
    </rPh>
    <rPh sb="32" eb="33">
      <t>アル</t>
    </rPh>
    <rPh sb="34" eb="35">
      <t>カタ</t>
    </rPh>
    <rPh sb="36" eb="37">
      <t>ヤス</t>
    </rPh>
    <rPh sb="38" eb="39">
      <t>カタ</t>
    </rPh>
    <rPh sb="40" eb="42">
      <t>ジッセン</t>
    </rPh>
    <phoneticPr fontId="2"/>
  </si>
  <si>
    <t>県立山北つぶらの公園</t>
    <rPh sb="0" eb="2">
      <t>ケンリツ</t>
    </rPh>
    <rPh sb="2" eb="4">
      <t>ヤマキタ</t>
    </rPh>
    <rPh sb="8" eb="10">
      <t>コウエン</t>
    </rPh>
    <phoneticPr fontId="17"/>
  </si>
  <si>
    <t>公益財団法人神奈川県公園協会</t>
    <rPh sb="0" eb="6">
      <t>コウエキザイダンホウジン</t>
    </rPh>
    <rPh sb="6" eb="10">
      <t>カナガワケン</t>
    </rPh>
    <rPh sb="10" eb="12">
      <t>コウエン</t>
    </rPh>
    <rPh sb="12" eb="14">
      <t>キョウカイ</t>
    </rPh>
    <phoneticPr fontId="17"/>
  </si>
  <si>
    <t>http://www.kanagawa-park.or.jp/tsuburano/</t>
    <phoneticPr fontId="17"/>
  </si>
  <si>
    <t>ヨガ教室</t>
    <rPh sb="2" eb="4">
      <t>キョウシツ</t>
    </rPh>
    <phoneticPr fontId="17"/>
  </si>
  <si>
    <t>展望の良いさくら山で、富士山を見ながらヨガをします。</t>
    <rPh sb="11" eb="14">
      <t>フジサン</t>
    </rPh>
    <rPh sb="15" eb="16">
      <t>ミ</t>
    </rPh>
    <phoneticPr fontId="17"/>
  </si>
  <si>
    <t>箱根町</t>
    <rPh sb="0" eb="3">
      <t>ハコネマチ</t>
    </rPh>
    <phoneticPr fontId="2"/>
  </si>
  <si>
    <t>箱根町畑宿</t>
    <rPh sb="0" eb="3">
      <t>ハコネマチ</t>
    </rPh>
    <rPh sb="3" eb="4">
      <t>ハタケ</t>
    </rPh>
    <rPh sb="4" eb="5">
      <t>ヤド</t>
    </rPh>
    <phoneticPr fontId="2"/>
  </si>
  <si>
    <t xml:space="preserve">https://ktm.or.jp/event/25k-11/
</t>
    <phoneticPr fontId="2"/>
  </si>
  <si>
    <t xml:space="preserve">https://ktm.or.jp/event/25k-14/
</t>
    <phoneticPr fontId="2"/>
  </si>
  <si>
    <t>公園ガイドツアー「箱庭さんぽ」</t>
    <rPh sb="0" eb="2">
      <t>コウエン</t>
    </rPh>
    <rPh sb="9" eb="11">
      <t>ハコニワ</t>
    </rPh>
    <phoneticPr fontId="2"/>
  </si>
  <si>
    <t>園内を散策しながら、公園が立地している「箱根離宮」の歴史や優れた眺望スポット、国登録記念物構成要素等を案内します。</t>
  </si>
  <si>
    <t xml:space="preserve">2025/9/27
</t>
    <phoneticPr fontId="2"/>
  </si>
  <si>
    <t>県立恩賜箱根公園</t>
    <phoneticPr fontId="17"/>
  </si>
  <si>
    <t>JR・小田急線小田原駅から箱根町港行きバス、または箱根関所行きバス「恩賜公園前」下車</t>
    <rPh sb="3" eb="7">
      <t>オダキュウセン</t>
    </rPh>
    <rPh sb="7" eb="11">
      <t>オダワラエキ</t>
    </rPh>
    <rPh sb="13" eb="16">
      <t>ハコネマチ</t>
    </rPh>
    <rPh sb="16" eb="17">
      <t>ミナト</t>
    </rPh>
    <rPh sb="17" eb="18">
      <t>ユ</t>
    </rPh>
    <rPh sb="25" eb="27">
      <t>ハコネ</t>
    </rPh>
    <rPh sb="27" eb="29">
      <t>セキショ</t>
    </rPh>
    <rPh sb="29" eb="30">
      <t>ユ</t>
    </rPh>
    <rPh sb="34" eb="36">
      <t>オンシ</t>
    </rPh>
    <rPh sb="36" eb="38">
      <t>コウエン</t>
    </rPh>
    <rPh sb="38" eb="39">
      <t>マエ</t>
    </rPh>
    <rPh sb="40" eb="42">
      <t>ゲシャ</t>
    </rPh>
    <phoneticPr fontId="2"/>
  </si>
  <si>
    <t>公益財団法人神奈川県公園協会</t>
    <rPh sb="0" eb="2">
      <t>コウエキ</t>
    </rPh>
    <rPh sb="2" eb="4">
      <t>ザイダン</t>
    </rPh>
    <rPh sb="4" eb="6">
      <t>ホウジン</t>
    </rPh>
    <rPh sb="10" eb="14">
      <t>コウエンキョウカイ</t>
    </rPh>
    <phoneticPr fontId="2"/>
  </si>
  <si>
    <t>恩賜箱根公園管理事務所</t>
    <rPh sb="0" eb="2">
      <t>オンシ</t>
    </rPh>
    <rPh sb="2" eb="4">
      <t>ハコネ</t>
    </rPh>
    <rPh sb="4" eb="6">
      <t>コウエン</t>
    </rPh>
    <rPh sb="6" eb="8">
      <t>カンリ</t>
    </rPh>
    <rPh sb="8" eb="10">
      <t>ジム</t>
    </rPh>
    <rPh sb="10" eb="11">
      <t>ショ</t>
    </rPh>
    <phoneticPr fontId="17"/>
  </si>
  <si>
    <t>https://www.kanagawa-park.or.jp/onsisite/</t>
    <phoneticPr fontId="2"/>
  </si>
  <si>
    <t>真鶴町</t>
    <rPh sb="0" eb="2">
      <t>マナヅル</t>
    </rPh>
    <rPh sb="2" eb="3">
      <t>マチ</t>
    </rPh>
    <phoneticPr fontId="2"/>
  </si>
  <si>
    <t>真鶴町岩</t>
    <rPh sb="0" eb="3">
      <t>マナヅルマチ</t>
    </rPh>
    <rPh sb="3" eb="4">
      <t>イワ</t>
    </rPh>
    <phoneticPr fontId="2"/>
  </si>
  <si>
    <t xml:space="preserve">https://ktm.or.jp/event/25k-13/
</t>
    <phoneticPr fontId="2"/>
  </si>
  <si>
    <t>自然観察教室</t>
    <rPh sb="0" eb="6">
      <t>シゼンカンサツキョウシツ</t>
    </rPh>
    <phoneticPr fontId="2"/>
  </si>
  <si>
    <t>専門家の説明で、あいかわ公園内の植物や鳥、虫などの自然を観察します。</t>
    <phoneticPr fontId="2"/>
  </si>
  <si>
    <t>2025/09/28
2025/10/26</t>
    <phoneticPr fontId="2"/>
  </si>
  <si>
    <t>県立あいかわ公園</t>
    <rPh sb="0" eb="2">
      <t>ケンリツ</t>
    </rPh>
    <rPh sb="6" eb="8">
      <t>コウエン</t>
    </rPh>
    <phoneticPr fontId="2"/>
  </si>
  <si>
    <t>本厚木駅から神奈川中央交通バス「センター経由半原」行き「愛川大橋」下車（約60分）→バス停から徒歩約18分</t>
    <rPh sb="0" eb="4">
      <t>ホンアツギエキ</t>
    </rPh>
    <phoneticPr fontId="2"/>
  </si>
  <si>
    <t>公益財団法人宮ケ瀬ダム周辺振興財団</t>
    <rPh sb="0" eb="6">
      <t>コウエキザイダンホウジン</t>
    </rPh>
    <rPh sb="6" eb="9">
      <t>ミヤガセ</t>
    </rPh>
    <rPh sb="11" eb="13">
      <t>シュウヘン</t>
    </rPh>
    <rPh sb="13" eb="17">
      <t>シンコウザイダン</t>
    </rPh>
    <phoneticPr fontId="2"/>
  </si>
  <si>
    <t>自然、植物、動物、昆虫などに興味のある方</t>
    <rPh sb="0" eb="2">
      <t>シゼン</t>
    </rPh>
    <rPh sb="3" eb="5">
      <t>ショクブツ</t>
    </rPh>
    <rPh sb="6" eb="8">
      <t>ドウブツ</t>
    </rPh>
    <rPh sb="9" eb="11">
      <t>コンチュウ</t>
    </rPh>
    <rPh sb="14" eb="16">
      <t>キョウミ</t>
    </rPh>
    <rPh sb="19" eb="20">
      <t>カタ</t>
    </rPh>
    <phoneticPr fontId="2"/>
  </si>
  <si>
    <t>あいかわ公園
　パークセンター</t>
    <phoneticPr fontId="2"/>
  </si>
  <si>
    <t>http://www.aikawa-park.jp/publics/index/94/</t>
    <phoneticPr fontId="2"/>
  </si>
  <si>
    <t>サファリナイトツアー</t>
    <phoneticPr fontId="2"/>
  </si>
  <si>
    <t>専門家の説明で、あいかわ公園に生息し夜間活動する動物について学びます。</t>
    <rPh sb="18" eb="22">
      <t>ヤカンカツドウ</t>
    </rPh>
    <rPh sb="24" eb="26">
      <t>ドウブツ</t>
    </rPh>
    <phoneticPr fontId="2"/>
  </si>
  <si>
    <t>2025/10/12</t>
    <phoneticPr fontId="2"/>
  </si>
  <si>
    <t>ムササビ観察会ナイトツアー</t>
    <rPh sb="4" eb="7">
      <t>カンサツカイ</t>
    </rPh>
    <phoneticPr fontId="2"/>
  </si>
  <si>
    <t>専門家の説明で、あいかわ公園に生息するムササビを観察します。</t>
    <rPh sb="24" eb="26">
      <t>カンサツ</t>
    </rPh>
    <phoneticPr fontId="2"/>
  </si>
  <si>
    <t>2025/11/9</t>
    <phoneticPr fontId="2"/>
  </si>
  <si>
    <t>陶芸体験「ランプシェード」</t>
    <rPh sb="0" eb="4">
      <t>トウゲイタイケン</t>
    </rPh>
    <phoneticPr fontId="2"/>
  </si>
  <si>
    <t>地元愛川町の伝統工芸である陶芸を体験します。</t>
    <rPh sb="13" eb="15">
      <t>トウゲイ</t>
    </rPh>
    <rPh sb="16" eb="18">
      <t>タイケン</t>
    </rPh>
    <phoneticPr fontId="2"/>
  </si>
  <si>
    <t>2025/9/30
(ただし月曜日休館）</t>
  </si>
  <si>
    <t>あいかわ公園工芸工房村</t>
    <rPh sb="4" eb="6">
      <t>コウエン</t>
    </rPh>
    <rPh sb="6" eb="11">
      <t>コウゲイコウボウムラ</t>
    </rPh>
    <phoneticPr fontId="2"/>
  </si>
  <si>
    <t>工芸品づくりに興味のある人</t>
    <rPh sb="0" eb="3">
      <t>コウゲイヒン</t>
    </rPh>
    <rPh sb="7" eb="9">
      <t>キョウミ</t>
    </rPh>
    <rPh sb="12" eb="13">
      <t>ヒト</t>
    </rPh>
    <phoneticPr fontId="2"/>
  </si>
  <si>
    <t>http://www.aikawa-park.jp/publics/index/37/</t>
    <phoneticPr fontId="2"/>
  </si>
  <si>
    <t>木竹工体験「愛ちゃん号」</t>
    <rPh sb="6" eb="7">
      <t>アイ</t>
    </rPh>
    <rPh sb="10" eb="11">
      <t>ゴウ</t>
    </rPh>
    <phoneticPr fontId="2"/>
  </si>
  <si>
    <t>地元愛川町の伝統工芸である木竹工を体験します。</t>
    <rPh sb="13" eb="16">
      <t>モクチクコウ</t>
    </rPh>
    <rPh sb="17" eb="19">
      <t>タイケン</t>
    </rPh>
    <phoneticPr fontId="2"/>
  </si>
  <si>
    <t>機織り体験「さき織ロングコースター」</t>
    <rPh sb="0" eb="2">
      <t>ハタオ</t>
    </rPh>
    <rPh sb="3" eb="5">
      <t>タイケン</t>
    </rPh>
    <rPh sb="8" eb="9">
      <t>オリ</t>
    </rPh>
    <phoneticPr fontId="2"/>
  </si>
  <si>
    <t>地元愛川町の伝統工芸である機織りを体験します。</t>
    <rPh sb="13" eb="15">
      <t>ハタオ</t>
    </rPh>
    <rPh sb="17" eb="19">
      <t>タイケン</t>
    </rPh>
    <phoneticPr fontId="2"/>
  </si>
  <si>
    <t>中津ほうきづくり体験</t>
    <rPh sb="0" eb="2">
      <t>ナカツ</t>
    </rPh>
    <rPh sb="8" eb="10">
      <t>タイケン</t>
    </rPh>
    <phoneticPr fontId="2"/>
  </si>
  <si>
    <t>地元愛川町の地場産業であった伝統的な中津ほうきづくりを体験します。</t>
    <rPh sb="0" eb="2">
      <t>ジモト</t>
    </rPh>
    <rPh sb="2" eb="5">
      <t>アイカワマチ</t>
    </rPh>
    <rPh sb="6" eb="10">
      <t>ジバサンギョウ</t>
    </rPh>
    <rPh sb="14" eb="17">
      <t>デントウテキ</t>
    </rPh>
    <rPh sb="18" eb="20">
      <t>ナカツ</t>
    </rPh>
    <rPh sb="27" eb="29">
      <t>タイケン</t>
    </rPh>
    <phoneticPr fontId="2"/>
  </si>
  <si>
    <t>2025/9/28
2025/10/19</t>
    <phoneticPr fontId="17"/>
  </si>
  <si>
    <t>陶芸体験「クリスマスリース」</t>
    <rPh sb="0" eb="4">
      <t>トウゲイタイケン</t>
    </rPh>
    <phoneticPr fontId="2"/>
  </si>
  <si>
    <t>2025/10/31
(ただし月曜日休館）</t>
  </si>
  <si>
    <t>染色体験「タイコットン手提げ・三つ編み手提げ」</t>
    <rPh sb="0" eb="4">
      <t>センショクタイケン</t>
    </rPh>
    <phoneticPr fontId="2"/>
  </si>
  <si>
    <t>地元愛川町の伝統工芸である藍染を体験します。</t>
    <rPh sb="13" eb="15">
      <t>アイゾメ</t>
    </rPh>
    <rPh sb="16" eb="18">
      <t>タイケン</t>
    </rPh>
    <phoneticPr fontId="2"/>
  </si>
  <si>
    <t>木竹工体験「バランストンボ（大・小）」</t>
    <rPh sb="14" eb="15">
      <t>ダイ</t>
    </rPh>
    <rPh sb="16" eb="17">
      <t>ショウ</t>
    </rPh>
    <phoneticPr fontId="2"/>
  </si>
  <si>
    <t>紙漉き体験「ハロウィングッズ」</t>
  </si>
  <si>
    <t>地元愛川町の伝統工芸である紙漉きを体験します。</t>
    <rPh sb="13" eb="15">
      <t>カミス</t>
    </rPh>
    <rPh sb="17" eb="19">
      <t>タイケン</t>
    </rPh>
    <phoneticPr fontId="2"/>
  </si>
  <si>
    <t>陶芸体験「門松」</t>
    <rPh sb="0" eb="4">
      <t>トウゲイタイケン</t>
    </rPh>
    <rPh sb="5" eb="7">
      <t>カドマツ</t>
    </rPh>
    <phoneticPr fontId="2"/>
  </si>
  <si>
    <t>2025/11/16
(ただし11/4,10休館）</t>
  </si>
  <si>
    <t>陶芸体験「鏡餅」</t>
    <rPh sb="0" eb="4">
      <t>トウゲイタイケン</t>
    </rPh>
    <rPh sb="5" eb="7">
      <t>カガミモチ</t>
    </rPh>
    <phoneticPr fontId="2"/>
  </si>
  <si>
    <t>2025/11/14
(11/8,9,10を除く)</t>
  </si>
  <si>
    <t>木竹工体験「森の小箱」</t>
    <rPh sb="6" eb="7">
      <t>モリ</t>
    </rPh>
    <rPh sb="8" eb="10">
      <t>コバコ</t>
    </rPh>
    <phoneticPr fontId="2"/>
  </si>
  <si>
    <t>環境学習リーダー養成講座</t>
    <phoneticPr fontId="2"/>
  </si>
  <si>
    <t>身近な環境問題について理解を深め、環境学習の実施手法をびながら、環境実践活動に必要な基本的知識を学ぶ。</t>
    <phoneticPr fontId="2"/>
  </si>
  <si>
    <t>2025/10/7</t>
    <phoneticPr fontId="2"/>
  </si>
  <si>
    <t>2026/1/12</t>
    <phoneticPr fontId="2"/>
  </si>
  <si>
    <t>神奈川県環境科学センター
環境活動推進課</t>
    <rPh sb="0" eb="4">
      <t>カナガワケン</t>
    </rPh>
    <rPh sb="4" eb="6">
      <t>カンキョウ</t>
    </rPh>
    <rPh sb="6" eb="8">
      <t>カガク</t>
    </rPh>
    <rPh sb="13" eb="20">
      <t>カンキョウカツドウスイシンカ</t>
    </rPh>
    <phoneticPr fontId="2"/>
  </si>
  <si>
    <t>県内在住、在勤の高校生以上で、環境に関心のある方</t>
    <rPh sb="15" eb="17">
      <t>カンキョウ</t>
    </rPh>
    <rPh sb="18" eb="20">
      <t>カンシン</t>
    </rPh>
    <rPh sb="23" eb="24">
      <t>カタ</t>
    </rPh>
    <phoneticPr fontId="2"/>
  </si>
  <si>
    <t>https://www.pref.kanagawa.jp/docs/b4f/index.html</t>
    <phoneticPr fontId="2"/>
  </si>
  <si>
    <t>環境スキルアップ講座</t>
    <phoneticPr fontId="2"/>
  </si>
  <si>
    <t>環境実践者向けに、環境保全活動に活かすため、環境問題のトピックスについてより深く学ぶ。</t>
    <phoneticPr fontId="2"/>
  </si>
  <si>
    <t>2025/9/30</t>
    <phoneticPr fontId="2"/>
  </si>
  <si>
    <t>校内見学・全体説明・個別相談が半日で可能（約２時間）。かなテクについて全体的に知りたい方やどんなコースがあるのかを知りたい方にお勧めです。</t>
    <rPh sb="0" eb="2">
      <t>コウナイ</t>
    </rPh>
    <rPh sb="2" eb="4">
      <t>ケンガク</t>
    </rPh>
    <rPh sb="5" eb="7">
      <t>ゼンタイ</t>
    </rPh>
    <rPh sb="7" eb="9">
      <t>セツメイ</t>
    </rPh>
    <rPh sb="10" eb="12">
      <t>コベツ</t>
    </rPh>
    <rPh sb="12" eb="14">
      <t>ソウダン</t>
    </rPh>
    <rPh sb="15" eb="17">
      <t>ハンニチ</t>
    </rPh>
    <rPh sb="18" eb="20">
      <t>カノウ</t>
    </rPh>
    <rPh sb="21" eb="22">
      <t>ヤク</t>
    </rPh>
    <rPh sb="23" eb="25">
      <t>ジカン</t>
    </rPh>
    <rPh sb="35" eb="38">
      <t>ゼンタイテキ</t>
    </rPh>
    <rPh sb="39" eb="40">
      <t>シ</t>
    </rPh>
    <rPh sb="43" eb="44">
      <t>カタ</t>
    </rPh>
    <rPh sb="57" eb="58">
      <t>シ</t>
    </rPh>
    <rPh sb="61" eb="62">
      <t>カタ</t>
    </rPh>
    <rPh sb="64" eb="65">
      <t>スス</t>
    </rPh>
    <phoneticPr fontId="2"/>
  </si>
  <si>
    <t>西部総合職業技術校</t>
    <rPh sb="0" eb="2">
      <t>セイブ</t>
    </rPh>
    <rPh sb="2" eb="4">
      <t>ソウゴウ</t>
    </rPh>
    <rPh sb="4" eb="6">
      <t>ショクギョウ</t>
    </rPh>
    <rPh sb="6" eb="9">
      <t>ギジュツコウ</t>
    </rPh>
    <phoneticPr fontId="2"/>
  </si>
  <si>
    <t>秦野駅</t>
    <rPh sb="0" eb="3">
      <t>ハダノエキ</t>
    </rPh>
    <phoneticPr fontId="2"/>
  </si>
  <si>
    <t>主に技術校への入校を検討している高校以上の生徒、学生、一般求職者等</t>
    <rPh sb="0" eb="1">
      <t>シュ</t>
    </rPh>
    <rPh sb="2" eb="4">
      <t>ギジュツ</t>
    </rPh>
    <rPh sb="4" eb="5">
      <t>コウ</t>
    </rPh>
    <rPh sb="7" eb="9">
      <t>ニュウコウ</t>
    </rPh>
    <rPh sb="10" eb="12">
      <t>ケントウ</t>
    </rPh>
    <rPh sb="16" eb="18">
      <t>コウコウ</t>
    </rPh>
    <rPh sb="18" eb="20">
      <t>イジョウ</t>
    </rPh>
    <rPh sb="21" eb="23">
      <t>セイト</t>
    </rPh>
    <rPh sb="24" eb="26">
      <t>ガクセイ</t>
    </rPh>
    <rPh sb="27" eb="29">
      <t>イッパン</t>
    </rPh>
    <rPh sb="29" eb="31">
      <t>キュウショク</t>
    </rPh>
    <rPh sb="31" eb="32">
      <t>シャ</t>
    </rPh>
    <rPh sb="32" eb="33">
      <t>トウ</t>
    </rPh>
    <phoneticPr fontId="2"/>
  </si>
  <si>
    <t>西部総合職業技術校　入校･就職支援課</t>
    <rPh sb="10" eb="12">
      <t>ニュウコウ</t>
    </rPh>
    <rPh sb="13" eb="15">
      <t>シュウショク</t>
    </rPh>
    <rPh sb="15" eb="17">
      <t>シエン</t>
    </rPh>
    <rPh sb="17" eb="18">
      <t>カ</t>
    </rPh>
    <phoneticPr fontId="2"/>
  </si>
  <si>
    <t>https://www.pref.kanagawa.jp/docs/vx6/kanatech_west/index.html</t>
    <phoneticPr fontId="2"/>
  </si>
  <si>
    <t>体験入校</t>
    <rPh sb="0" eb="2">
      <t>タイケン</t>
    </rPh>
    <rPh sb="2" eb="4">
      <t>ニュウコウ</t>
    </rPh>
    <phoneticPr fontId="2"/>
  </si>
  <si>
    <t>職業訓練を体験できます（約２時間）。「応募を考えているコースの実習を体験したい」「訓練内容をよく知りたい」「検討中のコースが複数あって迷っている」方にお勧めです。</t>
    <rPh sb="0" eb="2">
      <t>ショクギョウ</t>
    </rPh>
    <rPh sb="2" eb="4">
      <t>クンレン</t>
    </rPh>
    <rPh sb="5" eb="7">
      <t>タイケン</t>
    </rPh>
    <rPh sb="19" eb="21">
      <t>オウボ</t>
    </rPh>
    <rPh sb="22" eb="23">
      <t>カンガ</t>
    </rPh>
    <rPh sb="31" eb="33">
      <t>ジッシュウ</t>
    </rPh>
    <rPh sb="34" eb="36">
      <t>タイケン</t>
    </rPh>
    <rPh sb="41" eb="43">
      <t>クンレン</t>
    </rPh>
    <rPh sb="43" eb="45">
      <t>ナイヨウ</t>
    </rPh>
    <rPh sb="48" eb="49">
      <t>シ</t>
    </rPh>
    <rPh sb="54" eb="57">
      <t>ケントウチュウ</t>
    </rPh>
    <rPh sb="62" eb="64">
      <t>フクスウ</t>
    </rPh>
    <rPh sb="67" eb="68">
      <t>マヨ</t>
    </rPh>
    <rPh sb="73" eb="74">
      <t>カタ</t>
    </rPh>
    <rPh sb="76" eb="77">
      <t>スス</t>
    </rPh>
    <phoneticPr fontId="2"/>
  </si>
  <si>
    <t>中学生の主張 in かながわ発表大会</t>
    <rPh sb="0" eb="3">
      <t>チュウガクセイ</t>
    </rPh>
    <rPh sb="4" eb="6">
      <t>シュチョウ</t>
    </rPh>
    <rPh sb="14" eb="16">
      <t>ハッピョウ</t>
    </rPh>
    <rPh sb="16" eb="18">
      <t>タイカイ</t>
    </rPh>
    <phoneticPr fontId="2"/>
  </si>
  <si>
    <t>中学生が日常生活の中で考えていることを作文にして発表することを通して、広い視野と柔軟な発想や創造力などとともに、物事を論理的に考える力や自らの主張を正しく理解してもらう力などを身につけることを目的とした事業です。</t>
    <phoneticPr fontId="2"/>
  </si>
  <si>
    <t>神奈川県立青少年センター</t>
    <rPh sb="0" eb="3">
      <t>カナガワケ</t>
    </rPh>
    <rPh sb="3" eb="5">
      <t>ケンリツ</t>
    </rPh>
    <rPh sb="5" eb="8">
      <t>セイショウネン</t>
    </rPh>
    <phoneticPr fontId="2"/>
  </si>
  <si>
    <t xml:space="preserve">神奈川県立青少年センター
独立行政法人国立青少年教育振興機構
神奈川県
</t>
    <phoneticPr fontId="2"/>
  </si>
  <si>
    <t>県内在住または在学の中学生</t>
    <phoneticPr fontId="2"/>
  </si>
  <si>
    <t>神奈川県立青少年センター指導者育成課</t>
    <rPh sb="0" eb="8">
      <t>カナガワケンリツセイショウネン</t>
    </rPh>
    <rPh sb="12" eb="18">
      <t>シドウシャイクセイカ</t>
    </rPh>
    <phoneticPr fontId="2"/>
  </si>
  <si>
    <t>https://www.pref.kanagawa.jp/docs/ch3/shuchou/index.html</t>
    <phoneticPr fontId="2"/>
  </si>
  <si>
    <t>ファミリー・コミュニケーション・ウォーク</t>
    <phoneticPr fontId="2"/>
  </si>
  <si>
    <t>いじめや暴力行為等の未然防止を目的として、PTA・学校・行政機関・企業が連携して「もっと、話そうよ。大切な家族だから。」というキャッチフレーズのもと、家族でのコミュニケーションを大切にし、子どもたちが自分の気持ちを素直に表現する力や相手を思いやる気持ちを育む「ファミリー・コミュニケーション運動」を推進しています。</t>
    <phoneticPr fontId="2"/>
  </si>
  <si>
    <t>新百合ヶ丘駅～鶴亀松公園～むじなが池公園～島田生長の森緑地～王禅寺公園～弘法松公園～檜山公園～新百合ヶ丘駅</t>
    <rPh sb="0" eb="6">
      <t>シンユリガオカエキ</t>
    </rPh>
    <rPh sb="52" eb="53">
      <t>エキ</t>
    </rPh>
    <phoneticPr fontId="2"/>
  </si>
  <si>
    <t>新百合ヶ丘駅</t>
    <rPh sb="0" eb="6">
      <t>シンユリガオカエキ</t>
    </rPh>
    <phoneticPr fontId="2"/>
  </si>
  <si>
    <t>NPO法人神奈川県歩け歩け協会
神奈川県教育委員会学校支援課 県立学校生徒指導グループ</t>
    <rPh sb="32" eb="34">
      <t>ケンリツ</t>
    </rPh>
    <rPh sb="36" eb="40">
      <t>セイトシドウ</t>
    </rPh>
    <phoneticPr fontId="2"/>
  </si>
  <si>
    <t>神奈川県教育委員会
学校支援課県立学校
生徒指導グループ</t>
    <rPh sb="15" eb="17">
      <t>ケンリツ</t>
    </rPh>
    <rPh sb="17" eb="19">
      <t>ガッコウ</t>
    </rPh>
    <rPh sb="20" eb="22">
      <t>セイト</t>
    </rPh>
    <rPh sb="22" eb="24">
      <t>シドウ</t>
    </rPh>
    <phoneticPr fontId="2"/>
  </si>
  <si>
    <t xml:space="preserve">https://www.pref.kanagawa.jp/docs/vn7/cnt/f7179/index.html
</t>
    <phoneticPr fontId="2"/>
  </si>
  <si>
    <t>今年は戦後80年の節目です。戦争は人々の関心が最大限に高まるニュースで、戦争が起きれば、新聞はじめメディアはその実態を大きく扱います。本展は、80年前の報道と、その後80年間の新聞各社の取り組みを振り返り、SNSを通じて不確かな情報が瞬く間に多くの人に共有される現代の状況を捉えることで、新聞の役割と今後の課題を考えます。</t>
    <phoneticPr fontId="2"/>
  </si>
  <si>
    <t>ニュースパーク（日本新聞博物館）２階企画展示室</t>
    <rPh sb="8" eb="15">
      <t>ニホンシンブンハクブツカン</t>
    </rPh>
    <rPh sb="17" eb="18">
      <t>カイ</t>
    </rPh>
    <rPh sb="18" eb="23">
      <t>キカクテンジシツ</t>
    </rPh>
    <phoneticPr fontId="2"/>
  </si>
  <si>
    <t>日本大通り駅</t>
    <rPh sb="0" eb="4">
      <t>ニホンオオドオリ</t>
    </rPh>
    <rPh sb="5" eb="6">
      <t>エキ</t>
    </rPh>
    <phoneticPr fontId="2"/>
  </si>
  <si>
    <t>ニュースパーク（日本新聞博物館）</t>
    <rPh sb="8" eb="15">
      <t>ニホンシンブンハクブツカン</t>
    </rPh>
    <phoneticPr fontId="2"/>
  </si>
  <si>
    <t>https://newspark.jp/</t>
    <phoneticPr fontId="2"/>
  </si>
  <si>
    <t>県内全域</t>
    <phoneticPr fontId="2"/>
  </si>
  <si>
    <t>かながわ人づくりコラボ2025</t>
    <rPh sb="4" eb="5">
      <t>ヒト</t>
    </rPh>
    <phoneticPr fontId="2"/>
  </si>
  <si>
    <t>本県の教育の総合的な指針である「かながわ教育ビジョン」に基づき、実践紹介や会場の皆様との教育論議を通じて、協働・連携による「人づくり」について考えていきます。</t>
    <rPh sb="0" eb="2">
      <t>ホンケン</t>
    </rPh>
    <rPh sb="3" eb="5">
      <t>キョウイク</t>
    </rPh>
    <rPh sb="6" eb="9">
      <t>ソウゴウテキ</t>
    </rPh>
    <rPh sb="10" eb="12">
      <t>シシン</t>
    </rPh>
    <rPh sb="20" eb="22">
      <t>キョウイク</t>
    </rPh>
    <rPh sb="28" eb="29">
      <t>モト</t>
    </rPh>
    <rPh sb="32" eb="34">
      <t>ジッセン</t>
    </rPh>
    <rPh sb="34" eb="36">
      <t>ショウカイ</t>
    </rPh>
    <rPh sb="37" eb="39">
      <t>カイジョウ</t>
    </rPh>
    <rPh sb="40" eb="42">
      <t>ミナサマ</t>
    </rPh>
    <rPh sb="44" eb="46">
      <t>キョウイク</t>
    </rPh>
    <rPh sb="46" eb="48">
      <t>ロンギ</t>
    </rPh>
    <rPh sb="49" eb="50">
      <t>ツウ</t>
    </rPh>
    <rPh sb="53" eb="55">
      <t>キョウドウ</t>
    </rPh>
    <rPh sb="56" eb="58">
      <t>レンケイ</t>
    </rPh>
    <rPh sb="62" eb="63">
      <t>ヒト</t>
    </rPh>
    <rPh sb="71" eb="72">
      <t>カンガ</t>
    </rPh>
    <phoneticPr fontId="2"/>
  </si>
  <si>
    <t>神奈川県立総合教育センター、
オンライン</t>
    <rPh sb="0" eb="4">
      <t>カナ</t>
    </rPh>
    <rPh sb="4" eb="5">
      <t>リツ</t>
    </rPh>
    <rPh sb="5" eb="7">
      <t>ソウゴウ</t>
    </rPh>
    <rPh sb="7" eb="9">
      <t>キョウイク</t>
    </rPh>
    <phoneticPr fontId="2"/>
  </si>
  <si>
    <t>神奈川県教育委員会　総務室教育ビジョン・広報グループ</t>
    <phoneticPr fontId="2"/>
  </si>
  <si>
    <t>かながわの教育に関心のある人</t>
    <rPh sb="5" eb="7">
      <t>キョウイク</t>
    </rPh>
    <rPh sb="8" eb="10">
      <t>カンシン</t>
    </rPh>
    <rPh sb="13" eb="14">
      <t>ヒト</t>
    </rPh>
    <phoneticPr fontId="2"/>
  </si>
  <si>
    <t>神奈川県教育委員会
総務室　教育ビジョン・広報グループ</t>
    <rPh sb="0" eb="4">
      <t>カナガワケン</t>
    </rPh>
    <rPh sb="4" eb="6">
      <t>キョウイク</t>
    </rPh>
    <rPh sb="6" eb="9">
      <t>イインカイ</t>
    </rPh>
    <rPh sb="10" eb="12">
      <t>ソウム</t>
    </rPh>
    <rPh sb="12" eb="13">
      <t>シツ</t>
    </rPh>
    <rPh sb="14" eb="16">
      <t>キョウイク</t>
    </rPh>
    <rPh sb="21" eb="23">
      <t>コウホウ</t>
    </rPh>
    <phoneticPr fontId="2"/>
  </si>
  <si>
    <t>https://www.pref.kanagawa.jp/docs/u5t/collabo/collabo_year.html</t>
    <phoneticPr fontId="2"/>
  </si>
  <si>
    <t>わらべうたと絵本のおはなし会（下永谷地域ケアプラザ会場）</t>
    <rPh sb="13" eb="14">
      <t>カイ</t>
    </rPh>
    <rPh sb="15" eb="20">
      <t>シモナガヤチイキ</t>
    </rPh>
    <rPh sb="25" eb="27">
      <t>カイジョウ</t>
    </rPh>
    <phoneticPr fontId="2"/>
  </si>
  <si>
    <t>下永谷地域ケアプラザ</t>
    <phoneticPr fontId="2"/>
  </si>
  <si>
    <t>市営地下鉄下永谷駅</t>
    <phoneticPr fontId="2"/>
  </si>
  <si>
    <t>乳幼児と保護者の方</t>
    <rPh sb="0" eb="3">
      <t>ニュウヨウジ</t>
    </rPh>
    <rPh sb="4" eb="7">
      <t>ホゴシャ</t>
    </rPh>
    <rPh sb="8" eb="9">
      <t>カタ</t>
    </rPh>
    <phoneticPr fontId="2"/>
  </si>
  <si>
    <t>三ツ池公園　色彩知育Ⓡワークショップ</t>
    <rPh sb="0" eb="1">
      <t>ミ</t>
    </rPh>
    <rPh sb="2" eb="5">
      <t>イケコウエン</t>
    </rPh>
    <rPh sb="6" eb="8">
      <t>シキサイ</t>
    </rPh>
    <rPh sb="8" eb="10">
      <t>チイク</t>
    </rPh>
    <phoneticPr fontId="2"/>
  </si>
  <si>
    <t>色と声掛けを用いた色彩知育の体験会です。アートペイントなどを体験できます。</t>
    <rPh sb="0" eb="1">
      <t>イロ</t>
    </rPh>
    <rPh sb="2" eb="4">
      <t>コエカ</t>
    </rPh>
    <rPh sb="6" eb="7">
      <t>モチ</t>
    </rPh>
    <rPh sb="9" eb="13">
      <t>シキサイチイク</t>
    </rPh>
    <rPh sb="14" eb="17">
      <t>タイケンカイ</t>
    </rPh>
    <rPh sb="30" eb="32">
      <t>タイケン</t>
    </rPh>
    <phoneticPr fontId="2"/>
  </si>
  <si>
    <t>県立三ツ池公園</t>
    <rPh sb="0" eb="2">
      <t>ケンリツ</t>
    </rPh>
    <rPh sb="2" eb="3">
      <t>ミ</t>
    </rPh>
    <rPh sb="4" eb="7">
      <t>イケコウエン</t>
    </rPh>
    <phoneticPr fontId="2"/>
  </si>
  <si>
    <t>０～３歳の親子</t>
    <rPh sb="3" eb="4">
      <t>サイ</t>
    </rPh>
    <rPh sb="5" eb="7">
      <t>オヤコ</t>
    </rPh>
    <phoneticPr fontId="2"/>
  </si>
  <si>
    <t>https://www.kanagawa-park.or.jp/mitsuike/</t>
    <phoneticPr fontId="2"/>
  </si>
  <si>
    <t>日本国際教育学会第３６回大会「公開シンポジウム」（公開シンポジウム参加者無料・非会員も参加無料）</t>
    <phoneticPr fontId="2"/>
  </si>
  <si>
    <t>文化芸術活動者の発表の場の提供と市民の文化芸術鑑賞の機会の充実を図り、「ふれあいと文化の薫り高い魅力的なまちづくり」を推進するため、あやせ文化芸術祭市展書道の部（成人）を開催しています。</t>
    <rPh sb="0" eb="2">
      <t>ブンカ</t>
    </rPh>
    <rPh sb="76" eb="78">
      <t>ショドウ</t>
    </rPh>
    <rPh sb="81" eb="83">
      <t>セイジン</t>
    </rPh>
    <phoneticPr fontId="2"/>
  </si>
  <si>
    <t>文化芸術活動者の発表の場の提供と市民の文化芸術鑑賞の機会の充実を図り、「ふれあいと文化の薫り高い魅力的なまちづくり」を推進するため、あやせ文化芸術祭市展書道の部（子ども）を開催しています。</t>
    <rPh sb="0" eb="2">
      <t>ブンカ</t>
    </rPh>
    <rPh sb="76" eb="78">
      <t>ショドウ</t>
    </rPh>
    <rPh sb="81" eb="82">
      <t>コ</t>
    </rPh>
    <phoneticPr fontId="2"/>
  </si>
  <si>
    <t>綾瀬市庁舎市民ホールコンサートは、昼休みのひとときを生の音楽演奏会で楽しんでもらい、音楽鑑賞の機会の充実と市民に親しみやすい市役所にしようとの目的で開催しています。フルートとピアノの演奏を予定しています。</t>
    <phoneticPr fontId="2"/>
  </si>
  <si>
    <t>文化芸術活動者の発表の場の提供と市民の文化芸術鑑賞の機会の充実を図り、「ふれあいと文化の薫り高い魅力的なまちづくり」を推進するため、あやせ文化芸術祭市展絵画の部（子ども）を開催しています。</t>
    <rPh sb="0" eb="2">
      <t>ブンカ</t>
    </rPh>
    <rPh sb="76" eb="78">
      <t>カイガ</t>
    </rPh>
    <rPh sb="79" eb="80">
      <t>ブ</t>
    </rPh>
    <rPh sb="81" eb="82">
      <t>コ</t>
    </rPh>
    <phoneticPr fontId="2"/>
  </si>
  <si>
    <t>綾瀬市庁舎市民ホールコンサートは、昼休みのひとときを生の音楽演奏会で楽しんでもらい、音楽鑑賞の機会の充実と市民に親しみやすい市役所にしようとの目的で開催しています。ピアノの連弾の演奏を予定しています。</t>
    <rPh sb="86" eb="88">
      <t>レンダン</t>
    </rPh>
    <rPh sb="89" eb="91">
      <t>エンソウ</t>
    </rPh>
    <rPh sb="92" eb="94">
      <t>ヨテイ</t>
    </rPh>
    <phoneticPr fontId="2"/>
  </si>
  <si>
    <t>文化芸術活動者の発表の場の提供と市民の文化芸術鑑賞の機会の充実を図り、「ふれあいと文化の薫り高い魅力的なまちづくり」を推進するため市民文化祭音楽部門を開催しています。</t>
    <rPh sb="0" eb="2">
      <t>ブンカ</t>
    </rPh>
    <phoneticPr fontId="2"/>
  </si>
  <si>
    <t>文化芸術活動者の発表の場の提供と市民の文化芸術鑑賞の機会の充実を図り、「ふれあいと文化の薫り高い魅力的なまちづくり」を推進するため、あやせ文化芸術祭市民文化祭華道部門を開催しています。</t>
    <rPh sb="0" eb="2">
      <t>ブンカ</t>
    </rPh>
    <rPh sb="74" eb="76">
      <t>シミン</t>
    </rPh>
    <rPh sb="76" eb="79">
      <t>ブンカサイ</t>
    </rPh>
    <rPh sb="79" eb="81">
      <t>カドウ</t>
    </rPh>
    <rPh sb="81" eb="83">
      <t>ブモン</t>
    </rPh>
    <phoneticPr fontId="2"/>
  </si>
  <si>
    <t>英語のおはなし会と読み聞かせ講座</t>
    <rPh sb="0" eb="2">
      <t>エイゴ</t>
    </rPh>
    <phoneticPr fontId="2"/>
  </si>
  <si>
    <t>文化芸術活動者の発表の場の提供と市民の文化芸術鑑賞の機会の充実を図り、「ふれあいと文化の薫り高い魅力的なまちづくり」を推進するため、市民文化祭舞台部門を開催しています。</t>
    <rPh sb="0" eb="2">
      <t>ブンカ</t>
    </rPh>
    <rPh sb="66" eb="68">
      <t>シミン</t>
    </rPh>
    <rPh sb="68" eb="71">
      <t>ブンカサイ</t>
    </rPh>
    <rPh sb="71" eb="73">
      <t>ブタイ</t>
    </rPh>
    <rPh sb="73" eb="75">
      <t>ブモン</t>
    </rPh>
    <phoneticPr fontId="2"/>
  </si>
  <si>
    <t>文化芸術活動者の発表の場の提供と市民の文化芸術鑑賞の機会の充実を図り、「ふれあいと文化の薫り高い魅力的なまちづくり」を推進するため、市民文化祭展示部門を開催しています。</t>
    <rPh sb="0" eb="2">
      <t>ブンカ</t>
    </rPh>
    <rPh sb="66" eb="68">
      <t>シミン</t>
    </rPh>
    <rPh sb="68" eb="71">
      <t>ブンカサイ</t>
    </rPh>
    <rPh sb="71" eb="73">
      <t>テンジ</t>
    </rPh>
    <rPh sb="73" eb="75">
      <t>ブモン</t>
    </rPh>
    <phoneticPr fontId="2"/>
  </si>
  <si>
    <t>文化芸術活動者の発表の場の提供と市民の文化芸術鑑賞の機会の充実を図り、「ふれあいと文化の薫り高い魅力的なまちづくり」を推進するため、あやせ文化芸術祭菊花展を開催しています。</t>
    <rPh sb="0" eb="2">
      <t>ブンカ</t>
    </rPh>
    <rPh sb="74" eb="76">
      <t>キッカ</t>
    </rPh>
    <rPh sb="76" eb="77">
      <t>テン</t>
    </rPh>
    <phoneticPr fontId="2"/>
  </si>
  <si>
    <t>綾瀬市庁舎市民ホールコンサートは、昼休みのひとときを生の音楽演奏会で楽しんでもらい、音楽鑑賞の機会の充実と市民に親しみやすい市役所にしようとの目的で開催しています。ピアノの演奏を予定しています。</t>
    <rPh sb="86" eb="88">
      <t>エンソウ</t>
    </rPh>
    <rPh sb="89" eb="91">
      <t>ヨテイ</t>
    </rPh>
    <phoneticPr fontId="2"/>
  </si>
  <si>
    <t>文化芸術活動者の発表の場の提供と市民の文化芸術鑑賞の機会の充実を図り、「ふれあいと文化の薫り高い魅力的なまちづくり」を推進するため、あやせ文化芸術祭市民文化祭伝統芸能部門を開催しています。</t>
    <rPh sb="0" eb="2">
      <t>ブンカ</t>
    </rPh>
    <rPh sb="74" eb="76">
      <t>シミン</t>
    </rPh>
    <rPh sb="76" eb="79">
      <t>ブンカサイ</t>
    </rPh>
    <rPh sb="79" eb="81">
      <t>デントウ</t>
    </rPh>
    <rPh sb="81" eb="83">
      <t>ゲイノウ</t>
    </rPh>
    <rPh sb="83" eb="85">
      <t>ブモン</t>
    </rPh>
    <phoneticPr fontId="2"/>
  </si>
  <si>
    <t>文化芸術活動者の発表の場の提供と市民の文化芸術鑑賞の機会の充実を図り、「ふれあいと文化の薫り高い魅力的なまちづくり」を推進するため、あやせ文化芸術祭市民文化祭写真部門を開催しています。</t>
    <rPh sb="0" eb="2">
      <t>ブンカ</t>
    </rPh>
    <rPh sb="74" eb="76">
      <t>シミン</t>
    </rPh>
    <rPh sb="76" eb="79">
      <t>ブンカサイ</t>
    </rPh>
    <rPh sb="79" eb="81">
      <t>シャシン</t>
    </rPh>
    <rPh sb="81" eb="83">
      <t>ブモン</t>
    </rPh>
    <phoneticPr fontId="2"/>
  </si>
  <si>
    <t>高齢者などが楽しめる落語や昔ばなしなどの紙芝居劇を行います。
演者は「紙芝居屋たまてばこ」のみなさんです。</t>
    <rPh sb="25" eb="26">
      <t>オコナ</t>
    </rPh>
    <phoneticPr fontId="2"/>
  </si>
  <si>
    <r>
      <t xml:space="preserve">https://seisa.ac.jp/2024/10/seisa-hakone-festival2024/  
</t>
    </r>
    <r>
      <rPr>
        <sz val="10"/>
        <rFont val="ＭＳ Ｐゴシック"/>
        <family val="3"/>
        <charset val="128"/>
      </rPr>
      <t>※上記は2024年度の第10回です。2025年度の第11回サイトは、追って新設します。</t>
    </r>
    <phoneticPr fontId="2"/>
  </si>
  <si>
    <r>
      <t>https://seisasaab.com/</t>
    </r>
    <r>
      <rPr>
        <sz val="10"/>
        <color rgb="FF0000FF"/>
        <rFont val="ＭＳ Ｐゴシック"/>
        <family val="3"/>
        <charset val="128"/>
      </rPr>
      <t xml:space="preserve">
</t>
    </r>
    <r>
      <rPr>
        <sz val="10"/>
        <color rgb="FF000000"/>
        <rFont val="ＭＳ Ｐゴシック"/>
        <family val="3"/>
        <charset val="128"/>
      </rPr>
      <t>※上記は2024年度の第10回です。2025年度の第11回サイトは、追って新設します。</t>
    </r>
    <phoneticPr fontId="2"/>
  </si>
  <si>
    <r>
      <t xml:space="preserve">https://seisasaab.com/
</t>
    </r>
    <r>
      <rPr>
        <sz val="10"/>
        <rFont val="ＭＳ Ｐゴシック"/>
        <family val="3"/>
        <charset val="128"/>
      </rPr>
      <t>※上記は2024年度の第10回です。2025年度の第11回サイトは、追って新設します。</t>
    </r>
    <phoneticPr fontId="2"/>
  </si>
  <si>
    <r>
      <t xml:space="preserve">https://seisa.ac.jp/2024/10/seisa-hakone-festival2024/  
</t>
    </r>
    <r>
      <rPr>
        <sz val="10"/>
        <color rgb="FF000000"/>
        <rFont val="ＭＳ Ｐゴシック"/>
        <family val="3"/>
        <charset val="128"/>
      </rPr>
      <t>※上記は2024年度の第10回です。2025年度の第11回サイトは、追って新設します。</t>
    </r>
    <phoneticPr fontId="2"/>
  </si>
  <si>
    <t>《令和７年度「かながわ教育月間」教育イベント一覧》【各種団体】</t>
    <rPh sb="1" eb="3">
      <t>レイワ</t>
    </rPh>
    <rPh sb="4" eb="5">
      <t>ネン</t>
    </rPh>
    <rPh sb="5" eb="6">
      <t>ド</t>
    </rPh>
    <rPh sb="11" eb="13">
      <t>キョウイク</t>
    </rPh>
    <rPh sb="13" eb="15">
      <t>ゲッカン</t>
    </rPh>
    <rPh sb="16" eb="18">
      <t>キョウイク</t>
    </rPh>
    <rPh sb="22" eb="24">
      <t>イチラン</t>
    </rPh>
    <rPh sb="26" eb="30">
      <t>カクシュダンタイ</t>
    </rPh>
    <phoneticPr fontId="2"/>
  </si>
  <si>
    <t>(4)イベントの概要</t>
    <rPh sb="8" eb="10">
      <t>ガイヨウ</t>
    </rPh>
    <phoneticPr fontId="2"/>
  </si>
  <si>
    <t>(12)
問合せ先（名称）</t>
    <phoneticPr fontId="2"/>
  </si>
  <si>
    <t>(12)
問合せ先（名称）</t>
  </si>
  <si>
    <r>
      <t xml:space="preserve"> S</t>
    </r>
    <r>
      <rPr>
        <sz val="11"/>
        <rFont val="ＭＳ Ｐゴシック"/>
        <family val="3"/>
        <charset val="128"/>
      </rPr>
      <t>E</t>
    </r>
    <r>
      <rPr>
        <sz val="11"/>
        <rFont val="ＭＳ Ｐゴシック"/>
        <family val="3"/>
        <charset val="128"/>
      </rPr>
      <t>ISA Africa Asia Bridge実行委員会事務局（星槎高等学校内）</t>
    </r>
    <phoneticPr fontId="2"/>
  </si>
  <si>
    <t xml:space="preserve"> SEISA Africa Asia Bridge実行委員会事務局（星槎高等学校内）</t>
  </si>
  <si>
    <t>長い伝統を持つヨーロッパのオペラは、１９世紀に急速に進行する社会変革をたくましく吸収しながら、時代に合った豪華な花を咲かせました。               　　                          今回の講座では、この時代の文化の新たな担い手になったブルジョワ階級とオペラの題材の関係に注目し、その観点からいくつかの作品を紹介します。
(講師：小畑　恒夫 客員教授)</t>
    <phoneticPr fontId="2"/>
  </si>
  <si>
    <t>企画展示「江戸時代と本－花開いた出版文化－」関連講演会 兼 文字・活字文化の日記念講演会</t>
    <rPh sb="0" eb="2">
      <t>キカク</t>
    </rPh>
    <rPh sb="2" eb="4">
      <t>テンジ</t>
    </rPh>
    <rPh sb="5" eb="7">
      <t>エド</t>
    </rPh>
    <rPh sb="7" eb="9">
      <t>ジダイ</t>
    </rPh>
    <rPh sb="10" eb="11">
      <t>ホン</t>
    </rPh>
    <rPh sb="12" eb="14">
      <t>ハナヒラ</t>
    </rPh>
    <rPh sb="16" eb="18">
      <t>シュッパン</t>
    </rPh>
    <rPh sb="18" eb="20">
      <t>ブンカ</t>
    </rPh>
    <rPh sb="22" eb="24">
      <t>カンレン</t>
    </rPh>
    <rPh sb="24" eb="26">
      <t>コウエン</t>
    </rPh>
    <rPh sb="26" eb="27">
      <t>カイ</t>
    </rPh>
    <rPh sb="28" eb="29">
      <t>ケン</t>
    </rPh>
    <rPh sb="30" eb="32">
      <t>モジ</t>
    </rPh>
    <rPh sb="33" eb="35">
      <t>カツジ</t>
    </rPh>
    <rPh sb="35" eb="37">
      <t>ブンカ</t>
    </rPh>
    <rPh sb="38" eb="39">
      <t>ヒ</t>
    </rPh>
    <rPh sb="39" eb="41">
      <t>キネン</t>
    </rPh>
    <rPh sb="41" eb="44">
      <t>コウエンカイ</t>
    </rPh>
    <phoneticPr fontId="2"/>
  </si>
  <si>
    <t>県立図書館で開催中の企画展示「江戸時代と本－花開いた出版文化－」に関連し、江戸時代の出版文化や蔦屋重三郎に関する講演会を開催します。</t>
    <rPh sb="37" eb="39">
      <t>エド</t>
    </rPh>
    <rPh sb="39" eb="41">
      <t>ジダイ</t>
    </rPh>
    <rPh sb="42" eb="44">
      <t>シュッパン</t>
    </rPh>
    <rPh sb="44" eb="46">
      <t>ブンカ</t>
    </rPh>
    <rPh sb="47" eb="49">
      <t>ツタヤ</t>
    </rPh>
    <rPh sb="49" eb="52">
      <t>ジュウザブロウ</t>
    </rPh>
    <phoneticPr fontId="2"/>
  </si>
  <si>
    <t>神奈川県立図書館</t>
    <rPh sb="0" eb="3">
      <t>カナガワ</t>
    </rPh>
    <phoneticPr fontId="2"/>
  </si>
  <si>
    <t xml:space="preserve">
桜木町駅
日ノ出町駅</t>
    <rPh sb="1" eb="4">
      <t>サクラギチョウ</t>
    </rPh>
    <rPh sb="4" eb="5">
      <t>エキ</t>
    </rPh>
    <rPh sb="6" eb="7">
      <t>ヒ</t>
    </rPh>
    <rPh sb="8" eb="11">
      <t>デチョウエキ</t>
    </rPh>
    <phoneticPr fontId="2"/>
  </si>
  <si>
    <t>神奈川県立図書館
企画協力課</t>
    <rPh sb="0" eb="3">
      <t>カナガワ</t>
    </rPh>
    <rPh sb="3" eb="5">
      <t>ケンリツ</t>
    </rPh>
    <rPh sb="5" eb="8">
      <t>トショカン</t>
    </rPh>
    <rPh sb="9" eb="11">
      <t>キカク</t>
    </rPh>
    <rPh sb="11" eb="13">
      <t>キョウリョク</t>
    </rPh>
    <rPh sb="13" eb="14">
      <t>カ</t>
    </rPh>
    <phoneticPr fontId="2"/>
  </si>
  <si>
    <t>企画展示「江戸時代と本－花開いた出版文化－」</t>
    <rPh sb="0" eb="2">
      <t>キカク</t>
    </rPh>
    <rPh sb="2" eb="4">
      <t>テンジ</t>
    </rPh>
    <rPh sb="5" eb="7">
      <t>エド</t>
    </rPh>
    <rPh sb="7" eb="9">
      <t>ジダイ</t>
    </rPh>
    <rPh sb="10" eb="11">
      <t>ホン</t>
    </rPh>
    <rPh sb="12" eb="14">
      <t>ハナヒラ</t>
    </rPh>
    <rPh sb="16" eb="18">
      <t>シュッパン</t>
    </rPh>
    <rPh sb="18" eb="20">
      <t>ブンカ</t>
    </rPh>
    <phoneticPr fontId="2"/>
  </si>
  <si>
    <t>当館が所蔵する江戸時代の出版物（和本等）や、当時の本屋や貸本屋に関する資料を展示し、一般の町民が誰でも読書を楽しめるようになった時代を概観します。</t>
    <rPh sb="0" eb="2">
      <t>トウカン</t>
    </rPh>
    <rPh sb="3" eb="5">
      <t>ショゾウ</t>
    </rPh>
    <rPh sb="7" eb="9">
      <t>エド</t>
    </rPh>
    <rPh sb="9" eb="11">
      <t>ジダイ</t>
    </rPh>
    <rPh sb="12" eb="15">
      <t>シュッパンブツ</t>
    </rPh>
    <rPh sb="16" eb="18">
      <t>ワホン</t>
    </rPh>
    <rPh sb="18" eb="19">
      <t>ナド</t>
    </rPh>
    <rPh sb="22" eb="24">
      <t>トウジ</t>
    </rPh>
    <rPh sb="25" eb="27">
      <t>ホンヤ</t>
    </rPh>
    <rPh sb="28" eb="29">
      <t>カシ</t>
    </rPh>
    <rPh sb="29" eb="31">
      <t>ホンヤ</t>
    </rPh>
    <rPh sb="32" eb="33">
      <t>カン</t>
    </rPh>
    <rPh sb="35" eb="37">
      <t>シリョウ</t>
    </rPh>
    <rPh sb="38" eb="40">
      <t>テンジ</t>
    </rPh>
    <rPh sb="42" eb="44">
      <t>イッパン</t>
    </rPh>
    <rPh sb="45" eb="47">
      <t>チョウミン</t>
    </rPh>
    <rPh sb="48" eb="49">
      <t>ダレ</t>
    </rPh>
    <rPh sb="51" eb="53">
      <t>ドクショ</t>
    </rPh>
    <rPh sb="54" eb="55">
      <t>タノ</t>
    </rPh>
    <rPh sb="64" eb="66">
      <t>ジダイ</t>
    </rPh>
    <rPh sb="67" eb="69">
      <t>ガイカン</t>
    </rPh>
    <phoneticPr fontId="2"/>
  </si>
  <si>
    <t>第28回大学で学ぼう
～生涯学習フェア～</t>
    <rPh sb="0" eb="1">
      <t>ダイ</t>
    </rPh>
    <rPh sb="3" eb="4">
      <t>カイ</t>
    </rPh>
    <rPh sb="4" eb="6">
      <t>ダイガク</t>
    </rPh>
    <rPh sb="7" eb="8">
      <t>マナ</t>
    </rPh>
    <rPh sb="11" eb="20">
      <t>カラショウガイガクシュウフェアカラ</t>
    </rPh>
    <phoneticPr fontId="2"/>
  </si>
  <si>
    <t>幅広い年代の方を対象に県内大学の生涯学習の取組みについて広く情報提供するとともに、公開講座やライブラリートークを通じて大学での学びに親しんでもらうきっかけづくりを行います。</t>
    <rPh sb="6" eb="7">
      <t>カタ</t>
    </rPh>
    <rPh sb="41" eb="43">
      <t>コウカイ</t>
    </rPh>
    <rPh sb="43" eb="45">
      <t>コウザ</t>
    </rPh>
    <rPh sb="56" eb="57">
      <t>ツウ</t>
    </rPh>
    <rPh sb="63" eb="64">
      <t>マナ</t>
    </rPh>
    <phoneticPr fontId="2"/>
  </si>
  <si>
    <t>神奈川県立図書館、
アーカイブ配信</t>
    <rPh sb="0" eb="3">
      <t>カナガワ</t>
    </rPh>
    <rPh sb="3" eb="5">
      <t>ケンリツ</t>
    </rPh>
    <rPh sb="4" eb="5">
      <t>リツ</t>
    </rPh>
    <rPh sb="5" eb="8">
      <t>トショカン</t>
    </rPh>
    <rPh sb="15" eb="17">
      <t>ハイシン</t>
    </rPh>
    <phoneticPr fontId="2"/>
  </si>
  <si>
    <t>桜木町駅
日ノ出町駅</t>
    <rPh sb="0" eb="4">
      <t>サクラギチョウエキ</t>
    </rPh>
    <rPh sb="5" eb="6">
      <t>ヒ</t>
    </rPh>
    <rPh sb="7" eb="10">
      <t>デチョウエキ</t>
    </rPh>
    <phoneticPr fontId="2"/>
  </si>
  <si>
    <t>かながわ大学生涯学習推進協議会(事務局：神奈川県立図書館広報・生涯学習推進課)</t>
    <rPh sb="4" eb="15">
      <t>ダイガクショウガイガクシュウスイシン協議カイ</t>
    </rPh>
    <rPh sb="16" eb="19">
      <t>ジムキョク</t>
    </rPh>
    <rPh sb="20" eb="28">
      <t>カナガワケンリツトショカン</t>
    </rPh>
    <rPh sb="28" eb="30">
      <t>コウホウ</t>
    </rPh>
    <rPh sb="31" eb="38">
      <t>ショウガイガクシュウスイシンカ</t>
    </rPh>
    <phoneticPr fontId="2"/>
  </si>
  <si>
    <t>かながわ大学生涯学習推進協議会事務局（神奈川県立図書館広報・生涯学習推進課）</t>
    <rPh sb="4" eb="6">
      <t>ダイガク</t>
    </rPh>
    <rPh sb="6" eb="8">
      <t>ショウガイ</t>
    </rPh>
    <rPh sb="8" eb="10">
      <t>ガクシュウ</t>
    </rPh>
    <rPh sb="10" eb="12">
      <t>スイシン</t>
    </rPh>
    <rPh sb="12" eb="15">
      <t>キョウギカイ</t>
    </rPh>
    <rPh sb="15" eb="18">
      <t>ジムキョク</t>
    </rPh>
    <rPh sb="19" eb="27">
      <t>カナガワケンリツトショカン</t>
    </rPh>
    <rPh sb="27" eb="29">
      <t>コウホウ</t>
    </rPh>
    <rPh sb="30" eb="32">
      <t>ショウガイ</t>
    </rPh>
    <rPh sb="32" eb="34">
      <t>ガクシュウ</t>
    </rPh>
    <rPh sb="34" eb="36">
      <t>スイシン</t>
    </rPh>
    <rPh sb="36" eb="37">
      <t>カ</t>
    </rPh>
    <phoneticPr fontId="2"/>
  </si>
  <si>
    <t>川崎市
高津区</t>
    <rPh sb="0" eb="3">
      <t>カワサキシ</t>
    </rPh>
    <phoneticPr fontId="2"/>
  </si>
  <si>
    <t>文字・活字文化の日記念講演会</t>
    <rPh sb="0" eb="2">
      <t>モジ</t>
    </rPh>
    <rPh sb="3" eb="5">
      <t>カツジ</t>
    </rPh>
    <rPh sb="5" eb="7">
      <t>ブンカ</t>
    </rPh>
    <rPh sb="8" eb="9">
      <t>ヒ</t>
    </rPh>
    <rPh sb="9" eb="11">
      <t>キネン</t>
    </rPh>
    <rPh sb="11" eb="14">
      <t>コウエンカイ</t>
    </rPh>
    <phoneticPr fontId="2"/>
  </si>
  <si>
    <t>文字・活字文化の日に関連して、資料を通じ、科学の世界に興味を持つきっかけとなる講演会を開催する。</t>
    <rPh sb="0" eb="2">
      <t>モジ</t>
    </rPh>
    <rPh sb="3" eb="5">
      <t>カツジ</t>
    </rPh>
    <rPh sb="5" eb="7">
      <t>ブンカ</t>
    </rPh>
    <rPh sb="8" eb="9">
      <t>ヒ</t>
    </rPh>
    <rPh sb="10" eb="12">
      <t>カンレン</t>
    </rPh>
    <rPh sb="15" eb="17">
      <t>シリョウ</t>
    </rPh>
    <rPh sb="18" eb="19">
      <t>ツウ</t>
    </rPh>
    <rPh sb="21" eb="23">
      <t>カガク</t>
    </rPh>
    <rPh sb="22" eb="23">
      <t>ガク</t>
    </rPh>
    <rPh sb="24" eb="26">
      <t>セカイ</t>
    </rPh>
    <rPh sb="27" eb="29">
      <t>キョウミ</t>
    </rPh>
    <rPh sb="30" eb="31">
      <t>モ</t>
    </rPh>
    <rPh sb="39" eb="42">
      <t>コウエンカイ</t>
    </rPh>
    <rPh sb="43" eb="45">
      <t>カイサイ</t>
    </rPh>
    <phoneticPr fontId="2"/>
  </si>
  <si>
    <t>2025/11/8（予定)</t>
    <rPh sb="10" eb="12">
      <t>ヨテイ</t>
    </rPh>
    <phoneticPr fontId="2"/>
  </si>
  <si>
    <t>神奈川県立川崎図書館</t>
    <rPh sb="0" eb="4">
      <t>カナガワケン</t>
    </rPh>
    <rPh sb="4" eb="5">
      <t>リツ</t>
    </rPh>
    <rPh sb="5" eb="7">
      <t>カワサキ</t>
    </rPh>
    <rPh sb="7" eb="10">
      <t>トショカン</t>
    </rPh>
    <phoneticPr fontId="2"/>
  </si>
  <si>
    <t>溝の口駅
武蔵溝ノ口駅</t>
    <rPh sb="0" eb="1">
      <t>ミゾ</t>
    </rPh>
    <rPh sb="2" eb="3">
      <t>クチ</t>
    </rPh>
    <rPh sb="3" eb="4">
      <t>エキ</t>
    </rPh>
    <rPh sb="5" eb="8">
      <t>ムサシミゾ</t>
    </rPh>
    <rPh sb="9" eb="10">
      <t>クチ</t>
    </rPh>
    <rPh sb="10" eb="11">
      <t>エキ</t>
    </rPh>
    <phoneticPr fontId="2"/>
  </si>
  <si>
    <t>神奈川県立川崎図書館　企画情報課</t>
    <rPh sb="0" eb="4">
      <t>カナガワケン</t>
    </rPh>
    <rPh sb="4" eb="5">
      <t>リツ</t>
    </rPh>
    <rPh sb="5" eb="7">
      <t>カワサキ</t>
    </rPh>
    <rPh sb="7" eb="10">
      <t>トショカン</t>
    </rPh>
    <rPh sb="11" eb="13">
      <t>キカク</t>
    </rPh>
    <rPh sb="13" eb="15">
      <t>ジョウホウ</t>
    </rPh>
    <rPh sb="15" eb="16">
      <t>カ</t>
    </rPh>
    <phoneticPr fontId="2"/>
  </si>
  <si>
    <t>鎌倉市</t>
  </si>
  <si>
    <t>川口起美雄　Thousands are Sailing</t>
  </si>
  <si>
    <t>川口起美雄は、ウィーンで学んだテンペラと油絵具の混合技法を用いて、誰も見たことがない詩的な風景を現出する作家です。本展では、初期作品から初公開となる新作までを展示します。</t>
    <rPh sb="12" eb="13">
      <t>マナ</t>
    </rPh>
    <rPh sb="20" eb="21">
      <t>アブラ</t>
    </rPh>
    <rPh sb="21" eb="23">
      <t>エノグ</t>
    </rPh>
    <rPh sb="24" eb="26">
      <t>コンゴウ</t>
    </rPh>
    <rPh sb="26" eb="28">
      <t>ギホウ</t>
    </rPh>
    <rPh sb="29" eb="30">
      <t>モチ</t>
    </rPh>
    <rPh sb="33" eb="34">
      <t>ダレ</t>
    </rPh>
    <rPh sb="42" eb="44">
      <t>シテキ</t>
    </rPh>
    <phoneticPr fontId="2"/>
  </si>
  <si>
    <t>2025/11/1 </t>
  </si>
  <si>
    <t xml:space="preserve"> 2025/2/1</t>
  </si>
  <si>
    <t>神奈川県立近代美術館 鎌倉別館</t>
    <rPh sb="0" eb="10">
      <t>カナガワケンリツキンダイビジュツカン</t>
    </rPh>
    <rPh sb="11" eb="15">
      <t>カマクラベッカン</t>
    </rPh>
    <phoneticPr fontId="2"/>
  </si>
  <si>
    <t>最寄り駅鎌倉駅より徒歩15分または江ノ電バス「八幡宮裏」下車徒歩2分</t>
    <rPh sb="0" eb="2">
      <t>モヨ</t>
    </rPh>
    <rPh sb="3" eb="4">
      <t>エキ</t>
    </rPh>
    <rPh sb="4" eb="6">
      <t>カマクラ</t>
    </rPh>
    <rPh sb="6" eb="7">
      <t>エキ</t>
    </rPh>
    <rPh sb="9" eb="11">
      <t>トホ</t>
    </rPh>
    <rPh sb="13" eb="14">
      <t>フン</t>
    </rPh>
    <rPh sb="17" eb="18">
      <t>エ</t>
    </rPh>
    <rPh sb="19" eb="20">
      <t>デン</t>
    </rPh>
    <rPh sb="23" eb="26">
      <t>ハチマングウ</t>
    </rPh>
    <rPh sb="26" eb="27">
      <t>ウラ</t>
    </rPh>
    <rPh sb="28" eb="30">
      <t>ゲシャ</t>
    </rPh>
    <rPh sb="30" eb="32">
      <t>トホ</t>
    </rPh>
    <rPh sb="33" eb="34">
      <t>フン</t>
    </rPh>
    <phoneticPr fontId="2"/>
  </si>
  <si>
    <t>神奈川県立近代美術館</t>
    <rPh sb="0" eb="10">
      <t>カナガワケンリツキンダイビジュツカン</t>
    </rPh>
    <phoneticPr fontId="2"/>
  </si>
  <si>
    <t>特別展「金沢八景みほとけ巡礼」</t>
    <rPh sb="0" eb="3">
      <t>トクベツテン</t>
    </rPh>
    <phoneticPr fontId="2"/>
  </si>
  <si>
    <t>神奈川県立金沢文庫が所在する横浜市金沢区は、かつて「武蔵国久良岐郡六浦荘金沢」と呼ばれました。本展では、風光明媚な景勝地として多くの人々が訪れた「金沢八景」の寺院の仏像を紹介します。</t>
  </si>
  <si>
    <t>神奈川県立金沢文庫</t>
    <rPh sb="0" eb="5">
      <t>カナガワケンリツ</t>
    </rPh>
    <rPh sb="5" eb="9">
      <t>カナザワブンコ</t>
    </rPh>
    <phoneticPr fontId="2"/>
  </si>
  <si>
    <t>京浜急行
金沢文庫駅</t>
    <rPh sb="0" eb="2">
      <t>ケイヒン</t>
    </rPh>
    <rPh sb="2" eb="4">
      <t>キュウコウ</t>
    </rPh>
    <rPh sb="5" eb="9">
      <t>カナザワブンコ</t>
    </rPh>
    <rPh sb="9" eb="10">
      <t>エキ</t>
    </rPh>
    <phoneticPr fontId="2"/>
  </si>
  <si>
    <t>神奈川県立金沢文庫</t>
  </si>
  <si>
    <t>企画展「戦後80年戦争を伝える」</t>
    <rPh sb="0" eb="3">
      <t>キカクテン</t>
    </rPh>
    <rPh sb="4" eb="6">
      <t>センゴ</t>
    </rPh>
    <rPh sb="8" eb="9">
      <t>ネン</t>
    </rPh>
    <rPh sb="9" eb="11">
      <t>センソウ</t>
    </rPh>
    <rPh sb="12" eb="13">
      <t>ツタ</t>
    </rPh>
    <phoneticPr fontId="2"/>
  </si>
  <si>
    <t>今年は戦後80年の節目です。戦争は人々の関心が最大限に高まるニュースで、戦争が起きれば、新聞はじめメディアはその実態を大きく扱います。本展は、80年前の報道と、その後80年間の新聞各社の取り組みを振り返り、SNSを通じて不確かな情報が瞬く間に多くの人に共有される現代の状況を捉えることで、新聞の役割と今後の課題を考えます。</t>
  </si>
  <si>
    <t>『図書館の自由に関する宣言』には「知る自由」という言葉があります。しかし、憲法論では「知る自由」という言葉は、あまり登場しません。むしろ、「知る権利」という言葉で論じられます。なぜ、図書館の自由に関する宣言は、知る権利ではなく知る自由としているのか？これを、憲法の背景にある哲学から切り込み、知ることで、「自分たちが現場で働く意味」というものに、「社会的使命感」というものが加わるはずです。知る自由という意味を考え、仕事へのやりがいをより充実させることも目的とします。</t>
  </si>
  <si>
    <t>https://www.yashima.ac.jp/univ/extension/course/2025/03/post-629.html</t>
  </si>
  <si>
    <t>司書の資格を目指す方（すでに司書として勤務している方も）に向けて、著作権法の基礎的な考え方について講義します。著作権法を「理解する」うえでの著作権法の仕組みを学ぶ講義です。法律は、条文から学ぼうとすると時間がかかり、ボリュームもあります。しかし、基本的な考え方をしっかりと理解し、イメージができていると、条文から学ぶことよりも早く、様々なルールを理解し、説明できるようになってきます。条文を一つ一つ覚えるのではなく、その背景にある基本的な考えを理解すれば、一つ一つを覚えて、実務に生かすから、覚えずに確認して実務に生かすという司書の姿に変わってくるはずです。
司書資格を目指す方、すでに勤務している方の実務に生かしていくための法律基礎講座です。
条文を覚えましょうということは一切ありません。著作権法の全体像を俯瞰し、その仕組みを短時間に学ぶ講座です。</t>
  </si>
  <si>
    <t>https://www.yashima.ac.jp/univ/extension/course/2025/03/post-630.html</t>
  </si>
  <si>
    <t>「健康で文化的な生活」は理想ですが、現代においては日常生活の営みの中でさまざまな不調や体調不良に遭遇し、「生活の質（QOL）」の維持が難しくなっています。例えば慢性的なものとしては「睡眠不足や寝付けない」、「朝起きられない／朝食を胃が受け付けない」、「昼夜逆転など生活リズムの乱れ」、「慢性的あるいは周期的な頭痛や筋肉痛」などがあり、季節的なものとしては「冷え性やかじかみ」、「夏ばてや多汗」、「秋の夜更かしや春の朝起きの辛さ」などが挙げられます。
そこで本講では、これら体の不調の背景にある生理的メカニズムを解きながら、日常生活のスタイルや行動の工夫による日常生活不調の予防と軽減策をいっしょに考えてゆきます。「体調をととのえる」講座の各回の話題は、（全体として連関しながらも）一話完結で相互に独立していますので、関心のある話題を選んで受講いただけます。</t>
  </si>
  <si>
    <t>https://www.yashima.ac.jp/univ/extension/course/2025/05/-2025-4.html</t>
  </si>
  <si>
    <t>図書館司書が英語おはなし会を企画・運営するために知っておきたい、図書館での「英語おはなし会の育て方」を学ぶ、 初心者向け講座です。図書館利用者の英語おはなし会へのニーズを深く理解し、運営で心がけるべき点を一度に学ぶことができます。
公共図書館で英語おはなし会を行う意義に始まり、実際のおはなし会の企画、読み手の方や参加者の 皆様との関係づくり、楽しい時間を共有出来るプログラム作り、選書から蔵書の活用法までを扱います。
講師はアメリカで教職経験があり、これまで公共図書館での英語おはなし会・スペイン語おはなし会や多文化共生プログラム、英語読み聞かせボランティア養成などに深く関わってきています。</t>
  </si>
  <si>
    <t>https://www.yashima.ac.jp/univ/extension/course/2025/04/post-631.html</t>
  </si>
  <si>
    <t>近年、クマやサル、シカ、イノシシなどの野生生物が里地里山や都市部へ出没し、それによって引き起こされる人身被害や農業被害が問題となっている。本講座では、講師の専門が野生動物生息地の保全・管理であることから、人間活動による自然への影響、とくに野生生物への影響について取り上げ、野生生物を含めた自然と共生する社会のあり方について考える。特に野生生物の分布拡大や都市部への出没等によって引き起こされる被害などの、軋轢問題について取り上げる。例えば、カモシカ、鳥類、二ホンジカ、クマ類、サルなどの特徴と被害の実態・要因・対策等について解説する。</t>
  </si>
  <si>
    <t>https://www.yashima.ac.jp/univ/extension/course/2025/04/post-632.html</t>
  </si>
  <si>
    <t>　「社会保障を学びましょう」は、社会保障に興味を持ちつつ学習機会のない人向けに、社会保障とはどんなものかを説明します。
　「社会保障の基礎知識」は、上記で関心を持った人を対象に、社会保障制度の主要分野（少子化、公的年金、公的医療、介護）の内容を7回に分けて説明します。</t>
  </si>
  <si>
    <t>https://www.yashima.ac.jp/univ/extension/course/2025/04/1-32-7.html</t>
  </si>
  <si>
    <t>本講座は子育てや保育・教育に興味を持っている方を対象としている。本講座ではF. フレーベルの解説を行う。
F.フレーベルは 19 世紀ドイツの教育者である。彼はドイツ、ロマン期といった激動の時代で活躍した人物であり、世界で初めて幼稚園を設立したことで知られている。
幼児教育の始祖として世界の教育に多大な影響を及ぼしたフレーベルであるが、我が国も同様に多くの影響を受け、そして発展してきた。フレーベルの生涯と恩物の解説、フレーベルの思想・教育論・教育哲学の解説、そして我が国にどのような流れでフレーベルと幼稚園が受容されてきたを解説する。</t>
  </si>
  <si>
    <t>2025/9/5
2025/9/27</t>
  </si>
  <si>
    <t>https://www.yashima.ac.jp/univ/extension/course/2025/05/-f.html</t>
  </si>
  <si>
    <t>公開講座「超水戸学入門 ～日本史の中の「水戸学」～」</t>
    <rPh sb="0" eb="4">
      <t>コウカイコウザ</t>
    </rPh>
    <phoneticPr fontId="2"/>
  </si>
  <si>
    <t>水戸学は、徳川御三家の水戸藩で生まれた「学風」である。徳川御三家として最後まで「尊王敬幕」の立場を貫いたが、水戸学の尊王論は、やがて討幕派によって天皇の政治利用を引き起こし、幕府・水戸藩を崩壊に導くことになる。それは、水戸藩・水戸学者たちにとって「意図せざる望ましくない結果」 (R.K．マートン「滞在的逆機能」）であったに違いない。水戸学にはこうした「逆説」が宿命的に組み込まれていた。
本講座では、水戸学の形成・変遷過程を追いながら水戸学が日本史に与えた影響を考えていきたい。</t>
  </si>
  <si>
    <t>https://www.yashima.ac.jp/univ/extension/course/2025/07/post-633.html</t>
  </si>
  <si>
    <t>公開講座「つくることが苦手な人のための、自分のやりたいことを生成AI を活用して試しにつくってみる入門講座」</t>
    <rPh sb="0" eb="4">
      <t>コウカイコウザ</t>
    </rPh>
    <phoneticPr fontId="2"/>
  </si>
  <si>
    <t>近年、生成AI といわれるチャット形式でテキストを生成することができるChatGPT や、画像などを生成することがで きるStable Diffusion などツールが、次々に生まれています。
これらのツールは非常に有用で、さまざまな用途に活用することが可能です。それは、ものづくりの文脈においても同様 です。テクノロジーの進化により、デザイナーやエンジニアのような「ものをつくれる」人たちではない人たちも「アイデアの具現化（プロトタイピング）」が簡単に行えるようになってきています。ただ、ものづくりへの抵抗感からなかなか最初の一歩が踏み出せない方も多いのではないでしょうか。
本講座では、さまざまな既存のツールを組み合わせることで、いままでやってみたいなと感じていたことを出来るだけ早く形にし、「自分にはできない」という思い込みを取り払い実際に形にしていく方法を学びます。もちろん、いま現在はやりたいことがないけれども、生成AI を使ってみたいという方もご参加可能です。講師からサンプルアイデアを提示させていただきます。</t>
  </si>
  <si>
    <t>https://www.yashima.ac.jp/univ/extension/course/2025/07/ai.html</t>
  </si>
  <si>
    <t>https://www.kanagawa-kenminhall.com/d/sagamiko_ballet_2025</t>
  </si>
  <si>
    <t>（緑区会場）
城山総合事務所（バス停）
（中央区会場）工場入口（バス停）
（南区会場）
女子美術大学（バス停）</t>
  </si>
  <si>
    <t>子育て応援事業
にこワク親子クラブ
ハロウィンパーティー</t>
    <rPh sb="0" eb="2">
      <t>コソダ</t>
    </rPh>
    <rPh sb="3" eb="5">
      <t>オウエン</t>
    </rPh>
    <rPh sb="5" eb="7">
      <t>ジギョウ</t>
    </rPh>
    <rPh sb="12" eb="14">
      <t>オヤコ</t>
    </rPh>
    <phoneticPr fontId="2"/>
  </si>
  <si>
    <t>子育て中の保護者の息抜きと地域の交流の場を提供します。季節的なイベントを通して参加者相互の交流を図ります。</t>
    <rPh sb="0" eb="2">
      <t>コソダ</t>
    </rPh>
    <rPh sb="3" eb="4">
      <t>チュウ</t>
    </rPh>
    <rPh sb="5" eb="8">
      <t>ホゴシャ</t>
    </rPh>
    <rPh sb="9" eb="11">
      <t>イキヌ</t>
    </rPh>
    <rPh sb="13" eb="15">
      <t>チイキ</t>
    </rPh>
    <rPh sb="16" eb="18">
      <t>コウリュウ</t>
    </rPh>
    <rPh sb="19" eb="20">
      <t>バ</t>
    </rPh>
    <rPh sb="21" eb="23">
      <t>テイキョウ</t>
    </rPh>
    <rPh sb="27" eb="30">
      <t>キセツテキ</t>
    </rPh>
    <rPh sb="36" eb="37">
      <t>トオ</t>
    </rPh>
    <rPh sb="39" eb="42">
      <t>サンカシャ</t>
    </rPh>
    <rPh sb="42" eb="44">
      <t>ソウゴ</t>
    </rPh>
    <rPh sb="45" eb="47">
      <t>コウリュウ</t>
    </rPh>
    <rPh sb="48" eb="49">
      <t>ハカ</t>
    </rPh>
    <phoneticPr fontId="2"/>
  </si>
  <si>
    <t>小山公民館　ほか</t>
    <rPh sb="0" eb="5">
      <t>オヤマコウミンカン</t>
    </rPh>
    <phoneticPr fontId="2"/>
  </si>
  <si>
    <t>にこワク親子クラブ実行委員会</t>
    <rPh sb="4" eb="6">
      <t>オヤコ</t>
    </rPh>
    <rPh sb="9" eb="14">
      <t>ジッコウイインカイ</t>
    </rPh>
    <phoneticPr fontId="2"/>
  </si>
  <si>
    <t>0歳～小学生とその保護者</t>
    <rPh sb="1" eb="2">
      <t>サイ</t>
    </rPh>
    <rPh sb="3" eb="6">
      <t>ショウガクセイ</t>
    </rPh>
    <rPh sb="9" eb="12">
      <t>ホゴシャ</t>
    </rPh>
    <phoneticPr fontId="2"/>
  </si>
  <si>
    <t>県立秦野戸川公園</t>
    <rPh sb="0" eb="4">
      <t>ケンリツハダノ</t>
    </rPh>
    <rPh sb="4" eb="6">
      <t>トガワ</t>
    </rPh>
    <rPh sb="6" eb="8">
      <t>コウエン</t>
    </rPh>
    <phoneticPr fontId="2"/>
  </si>
  <si>
    <t>陣ケ下渓谷公園</t>
    <rPh sb="0" eb="1">
      <t>ジン</t>
    </rPh>
    <rPh sb="2" eb="3">
      <t>シタ</t>
    </rPh>
    <rPh sb="3" eb="5">
      <t>ケイコク</t>
    </rPh>
    <rPh sb="5" eb="7">
      <t>コウエン</t>
    </rPh>
    <phoneticPr fontId="2"/>
  </si>
  <si>
    <t>集合、解散場所：
清新公民館
目的地：
相模原北公園</t>
    <rPh sb="6" eb="7">
      <t>トコロ</t>
    </rPh>
    <rPh sb="9" eb="11">
      <t>セイシン</t>
    </rPh>
    <rPh sb="11" eb="14">
      <t>コウミンカン</t>
    </rPh>
    <rPh sb="15" eb="18">
      <t>モクテキチ</t>
    </rPh>
    <rPh sb="20" eb="26">
      <t>サガミハラキタコウエン</t>
    </rPh>
    <phoneticPr fontId="2"/>
  </si>
  <si>
    <t>横山小学校前(バス停)</t>
    <rPh sb="0" eb="6">
      <t>ヨコヤマショウガッコウマエ</t>
    </rPh>
    <rPh sb="9" eb="10">
      <t>テイ</t>
    </rPh>
    <phoneticPr fontId="2"/>
  </si>
  <si>
    <t>https://www.sagamihara-kouminkan.jp/yokoyama-k/</t>
  </si>
  <si>
    <t>大沼小学校前（バス停）</t>
    <rPh sb="0" eb="6">
      <t>オオヌマショウガッコウマエ</t>
    </rPh>
    <rPh sb="9" eb="10">
      <t>テイ</t>
    </rPh>
    <phoneticPr fontId="2"/>
  </si>
  <si>
    <t>巾着田曼殊沙華公園
（埼玉方面）</t>
    <rPh sb="0" eb="3">
      <t>キンチャクダ</t>
    </rPh>
    <rPh sb="3" eb="7">
      <t>マンジュシャゲ</t>
    </rPh>
    <rPh sb="7" eb="9">
      <t>コウエン</t>
    </rPh>
    <rPh sb="11" eb="15">
      <t>サイタマホウメン</t>
    </rPh>
    <phoneticPr fontId="2"/>
  </si>
  <si>
    <t>県民スポーツ月間
「スポーツコミュニケーションデー」</t>
    <rPh sb="0" eb="2">
      <t>ケンミン</t>
    </rPh>
    <rPh sb="6" eb="8">
      <t>ゲッカン</t>
    </rPh>
    <phoneticPr fontId="2"/>
  </si>
  <si>
    <t>https://www.pref.kanagawa.jp/docs/tz5/cnt/f6135/index.html</t>
    <phoneticPr fontId="2"/>
  </si>
  <si>
    <t>県立西湘スポーツセンター</t>
    <phoneticPr fontId="2"/>
  </si>
  <si>
    <t>公民館利用者団体の日頃の成果発表と、地域住民の親睦を図ることを目的にステージ発表、模擬店、作品展示などを行います。</t>
    <phoneticPr fontId="9"/>
  </si>
  <si>
    <t>県立スポーツセンター
　健康スポーツ班</t>
    <phoneticPr fontId="2"/>
  </si>
  <si>
    <t>大人</t>
    <rPh sb="0" eb="2">
      <t>オトナ</t>
    </rPh>
    <phoneticPr fontId="2"/>
  </si>
  <si>
    <t>大人</t>
    <rPh sb="0" eb="2">
      <t>オトナ</t>
    </rPh>
    <phoneticPr fontId="2"/>
  </si>
  <si>
    <t>2025秋の読書週間行事慶應生と楽しむ　　　　　　カ－ドゲ－ムでわくわくドキドキ！</t>
  </si>
  <si>
    <t>異年齢でカ－ドゲームを楽しむことで、地域の人達の居場所作りの一助けに、また対面でのコミュニケーションを深めることを目的とした行事です。</t>
  </si>
  <si>
    <t>藤沢市湘南大庭市民図書館</t>
    <rPh sb="0" eb="3">
      <t>フジサワシ</t>
    </rPh>
    <phoneticPr fontId="2"/>
  </si>
  <si>
    <t>小学4年生から大人まで</t>
  </si>
  <si>
    <t>2025秋の読書週間行事語り継がれてきた藤沢の民話</t>
  </si>
  <si>
    <t>民話の世界を楽しみ、藤沢市の民話に興味や関心を持ってもらうことを目的とした文化講演会です。</t>
  </si>
  <si>
    <t>大人</t>
  </si>
  <si>
    <t xml:space="preserve">
様々なスポーツを無料で体験できる「スポーツコミュニケーションデー」を開催します！
家族と、友達と、お一人でも気軽にスポーツを楽しめます。是非ご参加ください。
</t>
    <phoneticPr fontId="2"/>
  </si>
  <si>
    <t xml:space="preserve">
県立スポーツセンター
　健康スポーツ班</t>
    <phoneticPr fontId="2"/>
  </si>
  <si>
    <t xml:space="preserve">
県立スポーツセンター
　健康スポーツ班
</t>
    <phoneticPr fontId="2"/>
  </si>
  <si>
    <t xml:space="preserve">様々なスポーツを無料で体験できる「スポーツコミュニケーションデー」を開催します！
家族と、友達と、お一人でも気軽にスポーツを楽しめます。是非ご参加ください。
</t>
    <phoneticPr fontId="2"/>
  </si>
  <si>
    <t>2025秋の読書週間行事盲導犬って知ってますか</t>
    <phoneticPr fontId="2"/>
  </si>
  <si>
    <r>
      <t xml:space="preserve">小学生
</t>
    </r>
    <r>
      <rPr>
        <sz val="9"/>
        <rFont val="ＭＳ Ｐゴシック"/>
        <family val="3"/>
        <charset val="128"/>
        <scheme val="minor"/>
      </rPr>
      <t>（市内在住か在学で、初めての参加のみ）</t>
    </r>
    <phoneticPr fontId="2"/>
  </si>
  <si>
    <t>講演会「浮世絵のなかの藤沢」</t>
    <phoneticPr fontId="2"/>
  </si>
  <si>
    <t>2025秋の読書週間行事
未来へ続く宇宙開発　-JAXAがやってくる-</t>
    <phoneticPr fontId="2"/>
  </si>
  <si>
    <t>鴨宮駅徒歩10分</t>
    <rPh sb="0" eb="3">
      <t>カモノミヤエキ</t>
    </rPh>
    <phoneticPr fontId="2"/>
  </si>
  <si>
    <t>不要</t>
    <rPh sb="0" eb="1">
      <t>フ</t>
    </rPh>
    <phoneticPr fontId="2"/>
  </si>
  <si>
    <t>神奈川県連合退職校長兼県央ブロック教育問題協議会結成60周年記念講演</t>
    <rPh sb="0" eb="4">
      <t>カナガワケン</t>
    </rPh>
    <rPh sb="4" eb="6">
      <t>レンゴウ</t>
    </rPh>
    <rPh sb="6" eb="8">
      <t>タイショク</t>
    </rPh>
    <rPh sb="8" eb="10">
      <t>コウチョウ</t>
    </rPh>
    <rPh sb="10" eb="11">
      <t>ケン</t>
    </rPh>
    <rPh sb="11" eb="13">
      <t>ケンオウ</t>
    </rPh>
    <rPh sb="17" eb="19">
      <t>キョウイク</t>
    </rPh>
    <rPh sb="19" eb="21">
      <t>モンダイ</t>
    </rPh>
    <rPh sb="21" eb="24">
      <t>キョウギカイ</t>
    </rPh>
    <rPh sb="24" eb="26">
      <t>ケッセイ</t>
    </rPh>
    <rPh sb="28" eb="30">
      <t>シュウネン</t>
    </rPh>
    <rPh sb="30" eb="32">
      <t>キネン</t>
    </rPh>
    <rPh sb="32" eb="34">
      <t>コウエン</t>
    </rPh>
    <phoneticPr fontId="2"/>
  </si>
  <si>
    <t>杜のホールはしもと</t>
    <rPh sb="0" eb="1">
      <t>モリ</t>
    </rPh>
    <phoneticPr fontId="2"/>
  </si>
  <si>
    <t>JR橋本駅
京王線橋本駅</t>
    <rPh sb="2" eb="4">
      <t>ハシモト</t>
    </rPh>
    <rPh sb="4" eb="5">
      <t>エキ</t>
    </rPh>
    <rPh sb="6" eb="9">
      <t>ケイオウセン</t>
    </rPh>
    <rPh sb="9" eb="11">
      <t>ハシモト</t>
    </rPh>
    <rPh sb="11" eb="12">
      <t>エキ</t>
    </rPh>
    <phoneticPr fontId="2"/>
  </si>
  <si>
    <t>神奈川県連合退職校長会</t>
    <rPh sb="4" eb="6">
      <t>レンゴウ</t>
    </rPh>
    <rPh sb="6" eb="8">
      <t>タイショク</t>
    </rPh>
    <rPh sb="8" eb="11">
      <t>コウチョウカイ</t>
    </rPh>
    <phoneticPr fontId="2"/>
  </si>
  <si>
    <t>宇宙科学に関心のある人</t>
    <rPh sb="0" eb="4">
      <t>ウチュウカガク</t>
    </rPh>
    <rPh sb="5" eb="7">
      <t>カンシン</t>
    </rPh>
    <rPh sb="10" eb="11">
      <t>ヒト</t>
    </rPh>
    <phoneticPr fontId="2"/>
  </si>
  <si>
    <t>相模原市退職校長会</t>
    <rPh sb="0" eb="4">
      <t>サガミハラシ</t>
    </rPh>
    <rPh sb="4" eb="9">
      <t>タイショクコウチョウカイ</t>
    </rPh>
    <phoneticPr fontId="2"/>
  </si>
  <si>
    <t>https://sites.google.com/sagamihara-kng.ed.jp/kazekko/</t>
    <phoneticPr fontId="17"/>
  </si>
  <si>
    <t>https://www.lib.sagamihara.kanagawa.jp/TOSHOW/asp/index.aspx</t>
    <phoneticPr fontId="17"/>
  </si>
  <si>
    <t>http://www.kanagawa-park.or.jp/tsukuikoshiroyama/</t>
    <phoneticPr fontId="17"/>
  </si>
  <si>
    <t>https://www.sagamihara-kouminkan.jp/f-chuuou-k/</t>
    <phoneticPr fontId="17"/>
  </si>
  <si>
    <t>https://www.kanagawa-kenminhall.com/d/sagamiko_ballet_2025</t>
    <phoneticPr fontId="17"/>
  </si>
  <si>
    <t>https://www.fujino-art.jp</t>
    <phoneticPr fontId="17"/>
  </si>
  <si>
    <t>https://www.lib.sagamihara.kanagawa.jp</t>
    <phoneticPr fontId="17"/>
  </si>
  <si>
    <t>https://www.sagamihara-kouminkan.jp/yokoyama-k/</t>
    <phoneticPr fontId="17"/>
  </si>
  <si>
    <t>https://www.joshibi.net/museum/jam/2025/Josyu.html</t>
    <phoneticPr fontId="17"/>
  </si>
  <si>
    <t>https://www.joshibi.net/museum/jam/2025/Sensyoku2025.html</t>
    <phoneticPr fontId="17"/>
  </si>
  <si>
    <t>2025秋の読書週間行事
語り継がれてきた藤沢の民話</t>
    <phoneticPr fontId="2"/>
  </si>
  <si>
    <t>2025秋の読書週間行事慶應生と楽しむ
カ－ドゲ－ムでわくわくドキドキ！</t>
    <phoneticPr fontId="2"/>
  </si>
  <si>
    <t>2025秋の読書週間行事
盲導犬って知ってますか</t>
    <phoneticPr fontId="2"/>
  </si>
  <si>
    <t>講師に、宇宙科学研究所（JAXA)副所長　教授の津田雄一氏をお招きし、「はやぶさ２　小惑星への挑戦」の演題で、はやぶさ２の新たなミッションや、宇宙科学の最前線のお話を伺います。</t>
    <rPh sb="0" eb="2">
      <t>コウシ</t>
    </rPh>
    <rPh sb="4" eb="6">
      <t>ウチュウ</t>
    </rPh>
    <rPh sb="6" eb="8">
      <t>カガク</t>
    </rPh>
    <rPh sb="8" eb="11">
      <t>ケンキュウジョ</t>
    </rPh>
    <rPh sb="17" eb="20">
      <t>フクショチョウ</t>
    </rPh>
    <rPh sb="21" eb="23">
      <t>キョウジュ</t>
    </rPh>
    <rPh sb="24" eb="26">
      <t>ツダ</t>
    </rPh>
    <rPh sb="26" eb="28">
      <t>ユウイチ</t>
    </rPh>
    <rPh sb="28" eb="29">
      <t>シ</t>
    </rPh>
    <rPh sb="31" eb="32">
      <t>マネ</t>
    </rPh>
    <rPh sb="42" eb="45">
      <t>ショウワクセイ</t>
    </rPh>
    <rPh sb="47" eb="49">
      <t>チョウセン</t>
    </rPh>
    <rPh sb="51" eb="53">
      <t>エンダイ</t>
    </rPh>
    <rPh sb="61" eb="62">
      <t>アラ</t>
    </rPh>
    <rPh sb="71" eb="75">
      <t>ウチュウカガク</t>
    </rPh>
    <rPh sb="76" eb="79">
      <t>サイゼンセン</t>
    </rPh>
    <rPh sb="81" eb="82">
      <t>ハナシ</t>
    </rPh>
    <rPh sb="83" eb="84">
      <t>ウカガ</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m/d;@"/>
  </numFmts>
  <fonts count="31" x14ac:knownFonts="1">
    <font>
      <sz val="11"/>
      <name val="ＭＳ Ｐゴシック"/>
      <family val="3"/>
      <charset val="128"/>
    </font>
    <font>
      <sz val="11"/>
      <name val="ＭＳ Ｐゴシック"/>
      <family val="3"/>
      <charset val="128"/>
    </font>
    <font>
      <sz val="6"/>
      <name val="ＭＳ Ｐゴシック"/>
      <family val="3"/>
      <charset val="128"/>
    </font>
    <font>
      <sz val="11"/>
      <color theme="1"/>
      <name val="ＭＳ Ｐゴシック"/>
      <family val="3"/>
      <charset val="128"/>
      <scheme val="minor"/>
    </font>
    <font>
      <u/>
      <sz val="14"/>
      <color indexed="12"/>
      <name val="メイリオ"/>
      <family val="3"/>
      <charset val="128"/>
    </font>
    <font>
      <sz val="12"/>
      <color indexed="8"/>
      <name val="ＭＳ Ｐゴシック"/>
      <family val="3"/>
      <charset val="128"/>
    </font>
    <font>
      <sz val="11"/>
      <name val="ＭＳ Ｐゴシック"/>
      <family val="3"/>
      <charset val="128"/>
      <scheme val="minor"/>
    </font>
    <font>
      <sz val="10"/>
      <color theme="1"/>
      <name val="ＭＳ Ｐゴシック"/>
      <family val="3"/>
      <charset val="128"/>
      <scheme val="minor"/>
    </font>
    <font>
      <sz val="10"/>
      <name val="ＭＳ Ｐゴシック"/>
      <family val="3"/>
      <charset val="128"/>
      <scheme val="minor"/>
    </font>
    <font>
      <sz val="6"/>
      <name val="ＭＳ Ｐゴシック"/>
      <family val="3"/>
      <charset val="128"/>
      <scheme val="minor"/>
    </font>
    <font>
      <u/>
      <sz val="10"/>
      <color indexed="12"/>
      <name val="メイリオ"/>
      <family val="3"/>
      <charset val="128"/>
    </font>
    <font>
      <sz val="12"/>
      <color rgb="FF9C6500"/>
      <name val="ＭＳ 明朝"/>
      <family val="2"/>
      <charset val="128"/>
    </font>
    <font>
      <sz val="10"/>
      <name val="ＭＳ Ｐゴシック"/>
      <family val="3"/>
      <charset val="128"/>
    </font>
    <font>
      <u/>
      <sz val="10"/>
      <color indexed="12"/>
      <name val="ＭＳ Ｐゴシック"/>
      <family val="3"/>
      <charset val="128"/>
    </font>
    <font>
      <u/>
      <sz val="10"/>
      <name val="ＭＳ Ｐゴシック"/>
      <family val="3"/>
      <charset val="128"/>
    </font>
    <font>
      <sz val="16"/>
      <name val="ＭＳ Ｐゴシック"/>
      <family val="3"/>
      <charset val="128"/>
    </font>
    <font>
      <sz val="12"/>
      <name val="ＭＳ Ｐゴシック"/>
      <family val="3"/>
      <charset val="128"/>
    </font>
    <font>
      <sz val="6"/>
      <name val="ＭＳ 明朝"/>
      <family val="1"/>
      <charset val="128"/>
    </font>
    <font>
      <sz val="6"/>
      <name val="ＭＳ Ｐゴシック"/>
      <family val="2"/>
      <charset val="128"/>
      <scheme val="minor"/>
    </font>
    <font>
      <u/>
      <sz val="10"/>
      <color rgb="FF0000FF"/>
      <name val="ＭＳ Ｐゴシック"/>
      <family val="3"/>
      <charset val="128"/>
      <scheme val="minor"/>
    </font>
    <font>
      <u/>
      <sz val="10"/>
      <color rgb="FF0000FF"/>
      <name val="ＭＳ Ｐゴシック"/>
      <family val="3"/>
      <charset val="128"/>
    </font>
    <font>
      <u/>
      <sz val="10"/>
      <color indexed="12"/>
      <name val="ＭＳ Ｐゴシック"/>
      <family val="3"/>
      <charset val="128"/>
      <scheme val="minor"/>
    </font>
    <font>
      <sz val="20"/>
      <name val="ＭＳ Ｐゴシック"/>
      <family val="3"/>
      <charset val="128"/>
    </font>
    <font>
      <sz val="9"/>
      <name val="ＭＳ Ｐゴシック"/>
      <family val="3"/>
      <charset val="128"/>
      <scheme val="minor"/>
    </font>
    <font>
      <sz val="11"/>
      <name val="ＭＳ Ｐゴシック"/>
      <family val="3"/>
      <charset val="128"/>
      <scheme val="major"/>
    </font>
    <font>
      <sz val="10"/>
      <color rgb="FF0000FF"/>
      <name val="ＭＳ Ｐゴシック"/>
      <family val="3"/>
      <charset val="128"/>
      <scheme val="minor"/>
    </font>
    <font>
      <u/>
      <sz val="10"/>
      <color rgb="FF0000FF"/>
      <name val="メイリオ"/>
      <family val="3"/>
      <charset val="128"/>
    </font>
    <font>
      <sz val="11"/>
      <color rgb="FF0000FF"/>
      <name val="ＭＳ Ｐゴシック"/>
      <family val="3"/>
      <charset val="128"/>
    </font>
    <font>
      <u/>
      <sz val="11"/>
      <color rgb="FF0000FF"/>
      <name val="メイリオ"/>
      <family val="3"/>
      <charset val="128"/>
    </font>
    <font>
      <sz val="10"/>
      <color rgb="FF0000FF"/>
      <name val="ＭＳ Ｐゴシック"/>
      <family val="3"/>
      <charset val="128"/>
    </font>
    <font>
      <sz val="10"/>
      <color rgb="FF000000"/>
      <name val="ＭＳ Ｐゴシック"/>
      <family val="3"/>
      <charset val="128"/>
    </font>
  </fonts>
  <fills count="7">
    <fill>
      <patternFill patternType="none"/>
    </fill>
    <fill>
      <patternFill patternType="gray125"/>
    </fill>
    <fill>
      <patternFill patternType="solid">
        <fgColor theme="0"/>
        <bgColor indexed="64"/>
      </patternFill>
    </fill>
    <fill>
      <patternFill patternType="solid">
        <fgColor rgb="FFFFFFFF"/>
        <bgColor rgb="FFFFFFFF"/>
      </patternFill>
    </fill>
    <fill>
      <patternFill patternType="solid">
        <fgColor rgb="FFFFEB9C"/>
      </patternFill>
    </fill>
    <fill>
      <patternFill patternType="solid">
        <fgColor theme="0" tint="-0.14999847407452621"/>
        <bgColor indexed="64"/>
      </patternFill>
    </fill>
    <fill>
      <patternFill patternType="solid">
        <fgColor theme="4" tint="0.59999389629810485"/>
        <bgColor indexed="64"/>
      </patternFill>
    </fill>
  </fills>
  <borders count="12">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style="thin">
        <color indexed="64"/>
      </right>
      <top/>
      <bottom style="thin">
        <color indexed="64"/>
      </bottom>
      <diagonal/>
    </border>
    <border>
      <left style="thin">
        <color rgb="FF000000"/>
      </left>
      <right style="thin">
        <color rgb="FF000000"/>
      </right>
      <top style="thin">
        <color rgb="FF000000"/>
      </top>
      <bottom style="thin">
        <color rgb="FF000000"/>
      </bottom>
      <diagonal/>
    </border>
    <border>
      <left style="thin">
        <color rgb="FF000000"/>
      </left>
      <right style="thin">
        <color rgb="FF000000"/>
      </right>
      <top/>
      <bottom style="thin">
        <color rgb="FF000000"/>
      </bottom>
      <diagonal/>
    </border>
    <border>
      <left/>
      <right style="thin">
        <color rgb="FF000000"/>
      </right>
      <top/>
      <bottom style="thin">
        <color rgb="FF000000"/>
      </bottom>
      <diagonal/>
    </border>
    <border>
      <left/>
      <right/>
      <top style="thin">
        <color theme="4" tint="0.39997558519241921"/>
      </top>
      <bottom style="thin">
        <color theme="4" tint="0.39997558519241921"/>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theme="0" tint="-0.499984740745262"/>
      </right>
      <top style="thin">
        <color indexed="64"/>
      </top>
      <bottom style="thin">
        <color indexed="64"/>
      </bottom>
      <diagonal/>
    </border>
  </borders>
  <cellStyleXfs count="6">
    <xf numFmtId="0" fontId="0" fillId="0" borderId="0">
      <alignment vertical="center"/>
    </xf>
    <xf numFmtId="0" fontId="4" fillId="0" borderId="0" applyNumberFormat="0" applyFill="0" applyBorder="0" applyAlignment="0" applyProtection="0">
      <alignment vertical="top"/>
      <protection locked="0"/>
    </xf>
    <xf numFmtId="0" fontId="1" fillId="0" borderId="0">
      <alignment vertical="center"/>
    </xf>
    <xf numFmtId="0" fontId="3" fillId="0" borderId="0">
      <alignment vertical="center"/>
    </xf>
    <xf numFmtId="38" fontId="3" fillId="0" borderId="0" applyFont="0" applyFill="0" applyBorder="0" applyAlignment="0" applyProtection="0">
      <alignment vertical="center"/>
    </xf>
    <xf numFmtId="0" fontId="11" fillId="4" borderId="0" applyNumberFormat="0" applyBorder="0" applyAlignment="0" applyProtection="0">
      <alignment vertical="center"/>
    </xf>
  </cellStyleXfs>
  <cellXfs count="239">
    <xf numFmtId="0" fontId="0" fillId="0" borderId="0" xfId="0">
      <alignment vertical="center"/>
    </xf>
    <xf numFmtId="49" fontId="10" fillId="0" borderId="4" xfId="1" applyNumberFormat="1" applyFont="1" applyFill="1" applyBorder="1" applyAlignment="1" applyProtection="1">
      <alignment vertical="center" wrapText="1"/>
    </xf>
    <xf numFmtId="49" fontId="10" fillId="0" borderId="1" xfId="1" applyNumberFormat="1" applyFont="1" applyFill="1" applyBorder="1" applyAlignment="1" applyProtection="1">
      <alignment vertical="center" wrapText="1"/>
    </xf>
    <xf numFmtId="0" fontId="6" fillId="2" borderId="1" xfId="3" applyFont="1" applyFill="1" applyBorder="1" applyAlignment="1" applyProtection="1">
      <alignment vertical="center" wrapText="1"/>
      <protection locked="0"/>
    </xf>
    <xf numFmtId="0" fontId="6" fillId="0" borderId="1" xfId="3" applyFont="1" applyBorder="1" applyAlignment="1">
      <alignment vertical="center" wrapText="1"/>
    </xf>
    <xf numFmtId="49" fontId="13" fillId="0" borderId="1" xfId="1" applyNumberFormat="1" applyFont="1" applyFill="1" applyBorder="1" applyAlignment="1" applyProtection="1">
      <alignment vertical="center" wrapText="1"/>
    </xf>
    <xf numFmtId="49" fontId="6" fillId="0" borderId="1" xfId="3" applyNumberFormat="1" applyFont="1" applyBorder="1" applyAlignment="1">
      <alignment vertical="center" wrapText="1"/>
    </xf>
    <xf numFmtId="49" fontId="6" fillId="0" borderId="4" xfId="3" applyNumberFormat="1" applyFont="1" applyBorder="1" applyAlignment="1">
      <alignment vertical="center" wrapText="1"/>
    </xf>
    <xf numFmtId="49" fontId="6" fillId="0" borderId="1" xfId="0" applyNumberFormat="1" applyFont="1" applyBorder="1" applyAlignment="1">
      <alignment vertical="center" wrapText="1"/>
    </xf>
    <xf numFmtId="176" fontId="6" fillId="0" borderId="1" xfId="3" applyNumberFormat="1" applyFont="1" applyBorder="1" applyAlignment="1">
      <alignment horizontal="center" vertical="center" shrinkToFit="1"/>
    </xf>
    <xf numFmtId="49" fontId="6" fillId="0" borderId="1" xfId="3" applyNumberFormat="1" applyFont="1" applyBorder="1" applyAlignment="1">
      <alignment horizontal="center" vertical="center" wrapText="1"/>
    </xf>
    <xf numFmtId="0" fontId="6" fillId="0" borderId="1" xfId="3" applyFont="1" applyBorder="1" applyAlignment="1" applyProtection="1">
      <alignment vertical="center" wrapText="1"/>
    </xf>
    <xf numFmtId="49" fontId="6" fillId="0" borderId="4" xfId="3" applyNumberFormat="1" applyFont="1" applyFill="1" applyBorder="1" applyAlignment="1" applyProtection="1">
      <alignment vertical="center" wrapText="1"/>
    </xf>
    <xf numFmtId="0" fontId="6" fillId="0" borderId="1" xfId="3" applyFont="1" applyFill="1" applyBorder="1" applyAlignment="1">
      <alignment horizontal="center" vertical="center" wrapText="1"/>
    </xf>
    <xf numFmtId="0" fontId="6" fillId="0" borderId="1" xfId="3" applyFont="1" applyFill="1" applyBorder="1" applyAlignment="1">
      <alignment vertical="center" wrapText="1"/>
    </xf>
    <xf numFmtId="49" fontId="6" fillId="0" borderId="1" xfId="3" applyNumberFormat="1" applyFont="1" applyFill="1" applyBorder="1" applyAlignment="1">
      <alignment vertical="center" wrapText="1"/>
    </xf>
    <xf numFmtId="49" fontId="6" fillId="0" borderId="4" xfId="3" applyNumberFormat="1" applyFont="1" applyFill="1" applyBorder="1" applyAlignment="1">
      <alignment vertical="center" wrapText="1"/>
    </xf>
    <xf numFmtId="49" fontId="6" fillId="0" borderId="1" xfId="3" applyNumberFormat="1" applyFont="1" applyFill="1" applyBorder="1" applyAlignment="1">
      <alignment horizontal="center" vertical="center" wrapText="1"/>
    </xf>
    <xf numFmtId="0" fontId="6" fillId="0" borderId="1" xfId="3" applyFont="1" applyFill="1" applyBorder="1" applyAlignment="1" applyProtection="1">
      <alignment vertical="center" wrapText="1"/>
    </xf>
    <xf numFmtId="49" fontId="19" fillId="0" borderId="4" xfId="1" applyNumberFormat="1" applyFont="1" applyFill="1" applyBorder="1" applyAlignment="1" applyProtection="1">
      <alignment vertical="center" wrapText="1"/>
    </xf>
    <xf numFmtId="49" fontId="6" fillId="0" borderId="1" xfId="3" applyNumberFormat="1" applyFont="1" applyFill="1" applyBorder="1" applyAlignment="1" applyProtection="1">
      <alignment vertical="center" wrapText="1"/>
    </xf>
    <xf numFmtId="49" fontId="6" fillId="0" borderId="1" xfId="3" applyNumberFormat="1" applyFont="1" applyFill="1" applyBorder="1" applyAlignment="1" applyProtection="1">
      <alignment horizontal="center" vertical="center" wrapText="1"/>
    </xf>
    <xf numFmtId="0" fontId="6" fillId="0" borderId="1" xfId="3" applyFont="1" applyFill="1" applyBorder="1" applyAlignment="1" applyProtection="1">
      <alignment vertical="center" wrapText="1"/>
      <protection locked="0"/>
    </xf>
    <xf numFmtId="49" fontId="6" fillId="0" borderId="1" xfId="3" applyNumberFormat="1" applyFont="1" applyFill="1" applyBorder="1" applyAlignment="1">
      <alignment horizontal="center" vertical="center" shrinkToFit="1"/>
    </xf>
    <xf numFmtId="0" fontId="6" fillId="0" borderId="1" xfId="3" applyFont="1" applyBorder="1" applyAlignment="1" applyProtection="1">
      <alignment horizontal="center" vertical="center" wrapText="1"/>
      <protection locked="0"/>
    </xf>
    <xf numFmtId="49" fontId="6" fillId="0" borderId="4" xfId="3" applyNumberFormat="1" applyFont="1" applyFill="1" applyBorder="1" applyAlignment="1">
      <alignment horizontal="center" vertical="center" wrapText="1"/>
    </xf>
    <xf numFmtId="49" fontId="20" fillId="0" borderId="4" xfId="0" applyNumberFormat="1" applyFont="1" applyBorder="1" applyAlignment="1">
      <alignment vertical="center" wrapText="1"/>
    </xf>
    <xf numFmtId="49" fontId="10" fillId="2" borderId="1" xfId="1" applyNumberFormat="1" applyFont="1" applyFill="1" applyBorder="1" applyAlignment="1" applyProtection="1">
      <alignment vertical="center" wrapText="1"/>
    </xf>
    <xf numFmtId="49" fontId="20" fillId="0" borderId="1" xfId="0" applyNumberFormat="1" applyFont="1" applyBorder="1" applyAlignment="1">
      <alignment vertical="center" wrapText="1"/>
    </xf>
    <xf numFmtId="49" fontId="6" fillId="0" borderId="4" xfId="3" applyNumberFormat="1" applyFont="1" applyFill="1" applyBorder="1" applyAlignment="1" applyProtection="1">
      <alignment horizontal="center" vertical="center" wrapText="1"/>
    </xf>
    <xf numFmtId="49" fontId="14" fillId="0" borderId="1" xfId="1" applyNumberFormat="1" applyFont="1" applyFill="1" applyBorder="1" applyAlignment="1" applyProtection="1">
      <alignment vertical="center" wrapText="1"/>
    </xf>
    <xf numFmtId="0" fontId="6" fillId="0" borderId="1" xfId="2" applyFont="1" applyFill="1" applyBorder="1" applyAlignment="1">
      <alignment vertical="center" wrapText="1"/>
    </xf>
    <xf numFmtId="0" fontId="6" fillId="0" borderId="1" xfId="0" applyFont="1" applyBorder="1" applyAlignment="1">
      <alignment horizontal="center" vertical="center" wrapText="1"/>
    </xf>
    <xf numFmtId="176" fontId="6" fillId="0" borderId="1" xfId="3" applyNumberFormat="1" applyFont="1" applyFill="1" applyBorder="1" applyAlignment="1">
      <alignment horizontal="center" vertical="center" shrinkToFit="1"/>
    </xf>
    <xf numFmtId="176" fontId="6" fillId="0" borderId="1" xfId="3" applyNumberFormat="1" applyFont="1" applyFill="1" applyBorder="1" applyAlignment="1">
      <alignment horizontal="center" vertical="center" wrapText="1"/>
    </xf>
    <xf numFmtId="14" fontId="6" fillId="0" borderId="1" xfId="0" applyNumberFormat="1" applyFont="1" applyFill="1" applyBorder="1" applyAlignment="1">
      <alignment horizontal="center" vertical="center" wrapText="1"/>
    </xf>
    <xf numFmtId="176" fontId="6" fillId="0" borderId="1" xfId="3" applyNumberFormat="1" applyFont="1" applyFill="1" applyBorder="1" applyAlignment="1" applyProtection="1">
      <alignment horizontal="center" vertical="center" shrinkToFit="1"/>
    </xf>
    <xf numFmtId="49" fontId="6" fillId="0" borderId="1" xfId="3" applyNumberFormat="1" applyFont="1" applyBorder="1" applyAlignment="1">
      <alignment horizontal="center" vertical="center" shrinkToFit="1"/>
    </xf>
    <xf numFmtId="176" fontId="6" fillId="0" borderId="1" xfId="3" applyNumberFormat="1" applyFont="1" applyFill="1" applyBorder="1" applyAlignment="1">
      <alignment horizontal="center" vertical="center" wrapText="1" shrinkToFit="1"/>
    </xf>
    <xf numFmtId="0" fontId="6" fillId="0" borderId="1" xfId="3" applyFont="1" applyBorder="1" applyAlignment="1">
      <alignment horizontal="center" vertical="center" wrapText="1"/>
    </xf>
    <xf numFmtId="0" fontId="6" fillId="0" borderId="1" xfId="2" applyFont="1" applyFill="1" applyBorder="1" applyAlignment="1">
      <alignment horizontal="center" vertical="center" wrapText="1"/>
    </xf>
    <xf numFmtId="49" fontId="6" fillId="0" borderId="1" xfId="3" applyNumberFormat="1" applyFont="1" applyFill="1" applyBorder="1" applyAlignment="1" applyProtection="1">
      <alignment horizontal="center" vertical="center" wrapText="1" shrinkToFit="1"/>
      <protection locked="0"/>
    </xf>
    <xf numFmtId="49" fontId="6" fillId="2" borderId="1" xfId="3" applyNumberFormat="1" applyFont="1" applyFill="1" applyBorder="1" applyAlignment="1" applyProtection="1">
      <alignment horizontal="center" vertical="center" shrinkToFit="1"/>
      <protection locked="0"/>
    </xf>
    <xf numFmtId="0" fontId="6" fillId="2" borderId="1" xfId="3" applyFont="1" applyFill="1" applyBorder="1" applyAlignment="1" applyProtection="1">
      <alignment horizontal="center" vertical="center" wrapText="1"/>
      <protection locked="0"/>
    </xf>
    <xf numFmtId="49" fontId="6" fillId="0" borderId="1" xfId="3" applyNumberFormat="1" applyFont="1" applyFill="1" applyBorder="1" applyAlignment="1" applyProtection="1">
      <alignment horizontal="center" vertical="center" shrinkToFit="1"/>
      <protection locked="0"/>
    </xf>
    <xf numFmtId="176" fontId="6" fillId="0" borderId="1" xfId="3" applyNumberFormat="1" applyFont="1" applyFill="1" applyBorder="1" applyAlignment="1" applyProtection="1">
      <alignment horizontal="center" vertical="center" wrapText="1"/>
    </xf>
    <xf numFmtId="0" fontId="6" fillId="0" borderId="1" xfId="0" applyNumberFormat="1" applyFont="1" applyFill="1" applyBorder="1" applyAlignment="1">
      <alignment vertical="center" wrapText="1"/>
    </xf>
    <xf numFmtId="0" fontId="6" fillId="0" borderId="10" xfId="3" applyFont="1" applyFill="1" applyBorder="1" applyAlignment="1">
      <alignment vertical="center" wrapText="1"/>
    </xf>
    <xf numFmtId="0" fontId="16" fillId="0" borderId="1" xfId="2" applyFont="1" applyFill="1" applyBorder="1" applyAlignment="1">
      <alignment vertical="center" wrapText="1"/>
    </xf>
    <xf numFmtId="0" fontId="6" fillId="0" borderId="1" xfId="3" applyFont="1" applyFill="1" applyBorder="1" applyAlignment="1" applyProtection="1">
      <alignment horizontal="center" vertical="center" wrapText="1"/>
    </xf>
    <xf numFmtId="0" fontId="6" fillId="0" borderId="1" xfId="3" applyFont="1" applyBorder="1" applyAlignment="1" applyProtection="1">
      <alignment horizontal="center" vertical="center" wrapText="1"/>
    </xf>
    <xf numFmtId="0" fontId="6" fillId="0" borderId="1" xfId="2" applyFont="1" applyFill="1" applyBorder="1" applyAlignment="1">
      <alignment horizontal="center" vertical="center" wrapText="1" shrinkToFit="1"/>
    </xf>
    <xf numFmtId="0" fontId="16" fillId="0" borderId="1" xfId="2" applyFont="1" applyBorder="1" applyAlignment="1">
      <alignment horizontal="center" vertical="center" wrapText="1"/>
    </xf>
    <xf numFmtId="0" fontId="1" fillId="0" borderId="1" xfId="0" applyFont="1" applyBorder="1" applyAlignment="1">
      <alignment horizontal="center" vertical="center" wrapText="1"/>
    </xf>
    <xf numFmtId="0" fontId="6" fillId="0" borderId="1" xfId="3" applyFont="1" applyFill="1" applyBorder="1" applyAlignment="1" applyProtection="1">
      <alignment horizontal="center" vertical="center" wrapText="1"/>
      <protection locked="0"/>
    </xf>
    <xf numFmtId="0" fontId="16" fillId="0" borderId="1" xfId="0" applyFont="1" applyBorder="1" applyAlignment="1">
      <alignment horizontal="center" vertical="center" wrapText="1"/>
    </xf>
    <xf numFmtId="0" fontId="8" fillId="0" borderId="1" xfId="3" applyFont="1" applyFill="1" applyBorder="1" applyAlignment="1">
      <alignment horizontal="center" vertical="center" wrapText="1"/>
    </xf>
    <xf numFmtId="38" fontId="6" fillId="0" borderId="1" xfId="5" applyNumberFormat="1" applyFont="1" applyFill="1" applyBorder="1" applyAlignment="1" applyProtection="1">
      <alignment horizontal="center" vertical="center" wrapText="1"/>
    </xf>
    <xf numFmtId="0" fontId="10" fillId="0" borderId="1" xfId="1" applyFont="1" applyFill="1" applyBorder="1" applyAlignment="1" applyProtection="1">
      <alignment vertical="center" wrapText="1"/>
    </xf>
    <xf numFmtId="0" fontId="6" fillId="0" borderId="10" xfId="3" applyFont="1" applyFill="1" applyBorder="1" applyAlignment="1" applyProtection="1">
      <alignment vertical="center" wrapText="1"/>
      <protection locked="0"/>
    </xf>
    <xf numFmtId="0" fontId="10" fillId="2" borderId="1" xfId="1" applyFont="1" applyFill="1" applyBorder="1" applyAlignment="1" applyProtection="1">
      <alignment vertical="center" wrapText="1"/>
    </xf>
    <xf numFmtId="49" fontId="6" fillId="6" borderId="3" xfId="3" applyNumberFormat="1" applyFont="1" applyFill="1" applyBorder="1" applyAlignment="1" applyProtection="1">
      <alignment vertical="center" wrapText="1"/>
    </xf>
    <xf numFmtId="0" fontId="6" fillId="6" borderId="3" xfId="3" applyFont="1" applyFill="1" applyBorder="1" applyAlignment="1" applyProtection="1">
      <alignment vertical="center" wrapText="1"/>
    </xf>
    <xf numFmtId="49" fontId="8" fillId="6" borderId="3" xfId="3" applyNumberFormat="1" applyFont="1" applyFill="1" applyBorder="1" applyAlignment="1" applyProtection="1">
      <alignment vertical="center" wrapText="1"/>
    </xf>
    <xf numFmtId="0" fontId="0" fillId="0" borderId="0" xfId="0" applyFont="1">
      <alignment vertical="center"/>
    </xf>
    <xf numFmtId="0" fontId="6" fillId="0" borderId="10" xfId="3" applyFont="1" applyBorder="1" applyAlignment="1" applyProtection="1">
      <alignment vertical="center" wrapText="1"/>
    </xf>
    <xf numFmtId="0" fontId="6" fillId="0" borderId="10" xfId="3" applyFont="1" applyBorder="1" applyAlignment="1">
      <alignment vertical="center" wrapText="1"/>
    </xf>
    <xf numFmtId="0" fontId="6" fillId="0" borderId="5" xfId="3" applyFont="1" applyBorder="1" applyAlignment="1">
      <alignment vertical="center" wrapText="1"/>
    </xf>
    <xf numFmtId="0" fontId="6" fillId="0" borderId="0" xfId="3" applyFont="1" applyFill="1" applyProtection="1">
      <alignment vertical="center"/>
    </xf>
    <xf numFmtId="176" fontId="6" fillId="0" borderId="1" xfId="3" applyNumberFormat="1" applyFont="1" applyBorder="1" applyAlignment="1" applyProtection="1">
      <alignment horizontal="center" vertical="center" shrinkToFit="1"/>
    </xf>
    <xf numFmtId="49" fontId="6" fillId="0" borderId="1" xfId="3" applyNumberFormat="1" applyFont="1" applyBorder="1" applyAlignment="1" applyProtection="1">
      <alignment horizontal="center" vertical="center" wrapText="1"/>
    </xf>
    <xf numFmtId="14" fontId="6" fillId="0" borderId="1" xfId="3" applyNumberFormat="1" applyFont="1" applyBorder="1" applyAlignment="1" applyProtection="1">
      <alignment horizontal="center" vertical="center" wrapText="1"/>
    </xf>
    <xf numFmtId="0" fontId="8" fillId="0" borderId="1" xfId="3" applyFont="1" applyBorder="1" applyAlignment="1" applyProtection="1">
      <alignment horizontal="center" vertical="center" wrapText="1"/>
    </xf>
    <xf numFmtId="0" fontId="8" fillId="0" borderId="1" xfId="3" applyFont="1" applyFill="1" applyBorder="1" applyAlignment="1" applyProtection="1">
      <alignment horizontal="center" vertical="center" wrapText="1"/>
    </xf>
    <xf numFmtId="0" fontId="6" fillId="0" borderId="4" xfId="3" applyFont="1" applyBorder="1" applyAlignment="1" applyProtection="1">
      <alignment vertical="center" wrapText="1"/>
    </xf>
    <xf numFmtId="0" fontId="0" fillId="0" borderId="1" xfId="0" applyFont="1" applyBorder="1" applyAlignment="1">
      <alignment vertical="center" wrapText="1"/>
    </xf>
    <xf numFmtId="49" fontId="0" fillId="0" borderId="4" xfId="0" applyNumberFormat="1" applyFont="1" applyBorder="1" applyAlignment="1">
      <alignment vertical="center" wrapText="1"/>
    </xf>
    <xf numFmtId="14" fontId="0" fillId="0" borderId="1" xfId="0" applyNumberFormat="1" applyFont="1" applyBorder="1" applyAlignment="1">
      <alignment horizontal="center" vertical="center" shrinkToFit="1"/>
    </xf>
    <xf numFmtId="0" fontId="0" fillId="0" borderId="1" xfId="0" applyFont="1" applyBorder="1" applyAlignment="1">
      <alignment horizontal="center" vertical="center" wrapText="1"/>
    </xf>
    <xf numFmtId="49" fontId="0" fillId="0" borderId="1" xfId="0" applyNumberFormat="1" applyFont="1" applyBorder="1" applyAlignment="1">
      <alignment horizontal="center" vertical="center" wrapText="1"/>
    </xf>
    <xf numFmtId="176" fontId="6" fillId="0" borderId="1" xfId="3" applyNumberFormat="1" applyFont="1" applyBorder="1" applyAlignment="1" applyProtection="1">
      <alignment horizontal="center" vertical="center" wrapText="1" shrinkToFit="1"/>
    </xf>
    <xf numFmtId="49" fontId="6" fillId="0" borderId="1" xfId="3" applyNumberFormat="1" applyFont="1" applyBorder="1" applyAlignment="1" applyProtection="1">
      <alignment horizontal="center" vertical="center" wrapText="1" shrinkToFit="1"/>
    </xf>
    <xf numFmtId="49" fontId="6" fillId="0" borderId="1" xfId="3" applyNumberFormat="1" applyFont="1" applyBorder="1" applyAlignment="1" applyProtection="1">
      <alignment horizontal="center" vertical="center" shrinkToFit="1"/>
    </xf>
    <xf numFmtId="49" fontId="6" fillId="0" borderId="1" xfId="3" applyNumberFormat="1" applyFont="1" applyFill="1" applyBorder="1" applyAlignment="1" applyProtection="1">
      <alignment horizontal="center" vertical="center" shrinkToFit="1"/>
    </xf>
    <xf numFmtId="0" fontId="8" fillId="0" borderId="1" xfId="3" applyFont="1" applyBorder="1" applyAlignment="1">
      <alignment vertical="center" wrapText="1"/>
    </xf>
    <xf numFmtId="49" fontId="0" fillId="3" borderId="4" xfId="0" applyNumberFormat="1" applyFont="1" applyFill="1" applyBorder="1" applyAlignment="1">
      <alignment vertical="center" wrapText="1"/>
    </xf>
    <xf numFmtId="14" fontId="0" fillId="0" borderId="1" xfId="0" applyNumberFormat="1" applyFont="1" applyBorder="1" applyAlignment="1">
      <alignment horizontal="center" vertical="center"/>
    </xf>
    <xf numFmtId="0" fontId="6" fillId="0" borderId="1" xfId="3" applyFont="1" applyBorder="1" applyAlignment="1">
      <alignment horizontal="center" vertical="top" wrapText="1"/>
    </xf>
    <xf numFmtId="0" fontId="8" fillId="0" borderId="1" xfId="3" applyFont="1" applyBorder="1" applyAlignment="1" applyProtection="1">
      <alignment vertical="center" wrapText="1"/>
      <protection locked="0"/>
    </xf>
    <xf numFmtId="0" fontId="6" fillId="0" borderId="1" xfId="3" applyNumberFormat="1" applyFont="1" applyBorder="1" applyAlignment="1" applyProtection="1">
      <alignment horizontal="center" vertical="center" wrapText="1"/>
    </xf>
    <xf numFmtId="0" fontId="6" fillId="0" borderId="11" xfId="3" applyFont="1" applyBorder="1" applyAlignment="1" applyProtection="1">
      <alignment horizontal="center" vertical="center" wrapText="1"/>
    </xf>
    <xf numFmtId="0" fontId="0" fillId="0" borderId="1" xfId="2" applyFont="1" applyFill="1" applyBorder="1" applyAlignment="1">
      <alignment vertical="center" wrapText="1"/>
    </xf>
    <xf numFmtId="0" fontId="6" fillId="0" borderId="11" xfId="3" applyFont="1" applyBorder="1" applyAlignment="1">
      <alignment horizontal="center" vertical="center" wrapText="1"/>
    </xf>
    <xf numFmtId="0" fontId="6" fillId="0" borderId="0" xfId="3" applyFont="1" applyBorder="1" applyAlignment="1" applyProtection="1">
      <alignment horizontal="center" vertical="center" wrapText="1"/>
    </xf>
    <xf numFmtId="0" fontId="6" fillId="0" borderId="1" xfId="3" applyFont="1" applyBorder="1" applyAlignment="1" applyProtection="1">
      <alignment vertical="center" wrapText="1"/>
      <protection locked="0"/>
    </xf>
    <xf numFmtId="0" fontId="6" fillId="0" borderId="1" xfId="0" applyFont="1" applyBorder="1" applyAlignment="1">
      <alignment vertical="center" wrapText="1"/>
    </xf>
    <xf numFmtId="0" fontId="6" fillId="0" borderId="1" xfId="0" applyFont="1" applyBorder="1" applyAlignment="1">
      <alignment vertical="center"/>
    </xf>
    <xf numFmtId="0" fontId="8" fillId="0" borderId="1" xfId="3" applyFont="1" applyBorder="1" applyAlignment="1">
      <alignment horizontal="center" vertical="center" wrapText="1"/>
    </xf>
    <xf numFmtId="49" fontId="6" fillId="0" borderId="1" xfId="3" applyNumberFormat="1" applyFont="1" applyBorder="1" applyAlignment="1" applyProtection="1">
      <alignment vertical="center" wrapText="1"/>
    </xf>
    <xf numFmtId="14" fontId="6" fillId="0" borderId="1" xfId="3" applyNumberFormat="1" applyFont="1" applyBorder="1" applyAlignment="1">
      <alignment horizontal="center" vertical="center" wrapText="1"/>
    </xf>
    <xf numFmtId="176" fontId="6" fillId="0" borderId="1" xfId="3" applyNumberFormat="1" applyFont="1" applyBorder="1" applyAlignment="1">
      <alignment horizontal="center" vertical="center" wrapText="1" shrinkToFit="1"/>
    </xf>
    <xf numFmtId="0" fontId="0" fillId="0" borderId="5" xfId="3" applyFont="1" applyBorder="1" applyAlignment="1">
      <alignment vertical="center" wrapText="1"/>
    </xf>
    <xf numFmtId="49" fontId="0" fillId="0" borderId="6" xfId="3" applyNumberFormat="1" applyFont="1" applyBorder="1" applyAlignment="1">
      <alignment vertical="center" wrapText="1"/>
    </xf>
    <xf numFmtId="176" fontId="0" fillId="0" borderId="7" xfId="3" applyNumberFormat="1" applyFont="1" applyBorder="1" applyAlignment="1">
      <alignment horizontal="center" vertical="center" shrinkToFit="1"/>
    </xf>
    <xf numFmtId="0" fontId="0" fillId="0" borderId="5" xfId="3" applyFont="1" applyBorder="1" applyAlignment="1">
      <alignment horizontal="center" vertical="center" wrapText="1"/>
    </xf>
    <xf numFmtId="49" fontId="0" fillId="0" borderId="5" xfId="3" applyNumberFormat="1" applyFont="1" applyBorder="1" applyAlignment="1">
      <alignment horizontal="center" vertical="center" wrapText="1"/>
    </xf>
    <xf numFmtId="0" fontId="0" fillId="0" borderId="4" xfId="3" applyFont="1" applyBorder="1" applyAlignment="1">
      <alignment vertical="center" wrapText="1"/>
    </xf>
    <xf numFmtId="49" fontId="0" fillId="0" borderId="4" xfId="3" applyNumberFormat="1" applyFont="1" applyBorder="1" applyAlignment="1">
      <alignment vertical="center" wrapText="1"/>
    </xf>
    <xf numFmtId="176" fontId="0" fillId="0" borderId="4" xfId="3" applyNumberFormat="1" applyFont="1" applyBorder="1" applyAlignment="1">
      <alignment horizontal="center" vertical="center" shrinkToFit="1"/>
    </xf>
    <xf numFmtId="0" fontId="0" fillId="0" borderId="4" xfId="3" applyFont="1" applyBorder="1" applyAlignment="1">
      <alignment horizontal="center" vertical="center" wrapText="1"/>
    </xf>
    <xf numFmtId="49" fontId="0" fillId="0" borderId="4" xfId="3" applyNumberFormat="1" applyFont="1" applyBorder="1" applyAlignment="1">
      <alignment horizontal="center" vertical="center" wrapText="1"/>
    </xf>
    <xf numFmtId="0" fontId="0" fillId="0" borderId="1" xfId="3" applyFont="1" applyBorder="1" applyAlignment="1">
      <alignment vertical="center" wrapText="1"/>
    </xf>
    <xf numFmtId="176" fontId="0" fillId="0" borderId="1" xfId="3" applyNumberFormat="1" applyFont="1" applyBorder="1" applyAlignment="1">
      <alignment horizontal="center" vertical="center" shrinkToFit="1"/>
    </xf>
    <xf numFmtId="0" fontId="0" fillId="0" borderId="1" xfId="3" applyFont="1" applyBorder="1" applyAlignment="1">
      <alignment horizontal="center" vertical="center" wrapText="1"/>
    </xf>
    <xf numFmtId="49" fontId="0" fillId="2" borderId="1" xfId="3" applyNumberFormat="1" applyFont="1" applyFill="1" applyBorder="1" applyAlignment="1">
      <alignment horizontal="center" vertical="center" wrapText="1"/>
    </xf>
    <xf numFmtId="49" fontId="0" fillId="0" borderId="1" xfId="3" applyNumberFormat="1" applyFont="1" applyBorder="1" applyAlignment="1">
      <alignment vertical="center" wrapText="1"/>
    </xf>
    <xf numFmtId="49" fontId="0" fillId="0" borderId="9" xfId="3" applyNumberFormat="1" applyFont="1" applyBorder="1" applyAlignment="1">
      <alignment vertical="center" wrapText="1"/>
    </xf>
    <xf numFmtId="49" fontId="0" fillId="0" borderId="1" xfId="3" applyNumberFormat="1" applyFont="1" applyBorder="1" applyAlignment="1">
      <alignment horizontal="center" vertical="center" wrapText="1"/>
    </xf>
    <xf numFmtId="0" fontId="0" fillId="2" borderId="1" xfId="3" applyFont="1" applyFill="1" applyBorder="1" applyAlignment="1">
      <alignment vertical="center" wrapText="1"/>
    </xf>
    <xf numFmtId="49" fontId="6" fillId="0" borderId="6" xfId="3" applyNumberFormat="1" applyFont="1" applyBorder="1" applyAlignment="1">
      <alignment vertical="center" wrapText="1"/>
    </xf>
    <xf numFmtId="176" fontId="6" fillId="0" borderId="5" xfId="3" applyNumberFormat="1" applyFont="1" applyBorder="1" applyAlignment="1">
      <alignment horizontal="center" vertical="center" shrinkToFit="1"/>
    </xf>
    <xf numFmtId="0" fontId="6" fillId="0" borderId="5" xfId="3" applyFont="1" applyBorder="1" applyAlignment="1">
      <alignment horizontal="center" vertical="center" wrapText="1"/>
    </xf>
    <xf numFmtId="49" fontId="6" fillId="0" borderId="5" xfId="3" applyNumberFormat="1" applyFont="1" applyBorder="1" applyAlignment="1">
      <alignment horizontal="center" vertical="center" wrapText="1"/>
    </xf>
    <xf numFmtId="176" fontId="6" fillId="0" borderId="7" xfId="3" applyNumberFormat="1" applyFont="1" applyBorder="1" applyAlignment="1">
      <alignment horizontal="center" vertical="center" shrinkToFit="1"/>
    </xf>
    <xf numFmtId="49" fontId="6" fillId="0" borderId="4" xfId="3" applyNumberFormat="1" applyFont="1" applyBorder="1" applyAlignment="1">
      <alignment horizontal="center" vertical="center" wrapText="1"/>
    </xf>
    <xf numFmtId="0" fontId="6" fillId="0" borderId="4" xfId="3" applyFont="1" applyBorder="1" applyAlignment="1">
      <alignment vertical="center" wrapText="1"/>
    </xf>
    <xf numFmtId="176" fontId="6" fillId="0" borderId="4" xfId="3" applyNumberFormat="1" applyFont="1" applyBorder="1" applyAlignment="1">
      <alignment horizontal="center" vertical="center" shrinkToFit="1"/>
    </xf>
    <xf numFmtId="0" fontId="6" fillId="0" borderId="4" xfId="3" applyFont="1" applyBorder="1" applyAlignment="1">
      <alignment horizontal="center" vertical="center" wrapText="1"/>
    </xf>
    <xf numFmtId="176" fontId="6" fillId="0" borderId="8" xfId="3" applyNumberFormat="1" applyFont="1" applyBorder="1" applyAlignment="1">
      <alignment horizontal="center" vertical="center" shrinkToFit="1"/>
    </xf>
    <xf numFmtId="0" fontId="24" fillId="0" borderId="1" xfId="3" applyFont="1" applyBorder="1" applyAlignment="1" applyProtection="1">
      <alignment vertical="center" wrapText="1"/>
    </xf>
    <xf numFmtId="14" fontId="6" fillId="2" borderId="1" xfId="3" applyNumberFormat="1" applyFont="1" applyFill="1" applyBorder="1" applyAlignment="1" applyProtection="1">
      <alignment horizontal="center" vertical="center" shrinkToFit="1"/>
    </xf>
    <xf numFmtId="14" fontId="6" fillId="2" borderId="1" xfId="0" applyNumberFormat="1" applyFont="1" applyFill="1" applyBorder="1" applyAlignment="1">
      <alignment horizontal="center" vertical="center"/>
    </xf>
    <xf numFmtId="0" fontId="6" fillId="0" borderId="4" xfId="3" applyFont="1" applyBorder="1" applyAlignment="1" applyProtection="1">
      <alignment horizontal="center" vertical="center" wrapText="1"/>
    </xf>
    <xf numFmtId="0" fontId="24" fillId="0" borderId="4" xfId="3" applyFont="1" applyBorder="1" applyAlignment="1" applyProtection="1">
      <alignment vertical="center" wrapText="1"/>
    </xf>
    <xf numFmtId="14" fontId="6" fillId="2" borderId="4" xfId="3" applyNumberFormat="1" applyFont="1" applyFill="1" applyBorder="1" applyAlignment="1" applyProtection="1">
      <alignment horizontal="center" vertical="center"/>
    </xf>
    <xf numFmtId="14" fontId="24" fillId="2" borderId="4" xfId="3" applyNumberFormat="1" applyFont="1" applyFill="1" applyBorder="1" applyAlignment="1" applyProtection="1">
      <alignment horizontal="center" vertical="center"/>
    </xf>
    <xf numFmtId="14" fontId="6" fillId="2" borderId="1" xfId="3" applyNumberFormat="1" applyFont="1" applyFill="1" applyBorder="1" applyAlignment="1" applyProtection="1">
      <alignment horizontal="center" vertical="center"/>
    </xf>
    <xf numFmtId="14" fontId="6" fillId="2" borderId="4" xfId="3" applyNumberFormat="1" applyFont="1" applyFill="1" applyBorder="1" applyAlignment="1" applyProtection="1">
      <alignment horizontal="center" vertical="center" shrinkToFit="1"/>
    </xf>
    <xf numFmtId="14" fontId="24" fillId="2" borderId="1" xfId="0" applyNumberFormat="1" applyFont="1" applyFill="1" applyBorder="1" applyAlignment="1">
      <alignment horizontal="center" vertical="center"/>
    </xf>
    <xf numFmtId="14" fontId="24" fillId="2" borderId="1" xfId="3" applyNumberFormat="1" applyFont="1" applyFill="1" applyBorder="1" applyAlignment="1" applyProtection="1">
      <alignment horizontal="center" vertical="center"/>
    </xf>
    <xf numFmtId="0" fontId="6" fillId="0" borderId="5" xfId="3" applyFont="1" applyBorder="1" applyAlignment="1" applyProtection="1">
      <alignment vertical="center" wrapText="1"/>
    </xf>
    <xf numFmtId="49" fontId="6" fillId="0" borderId="6" xfId="3" applyNumberFormat="1" applyFont="1" applyFill="1" applyBorder="1" applyAlignment="1" applyProtection="1">
      <alignment vertical="center" wrapText="1"/>
    </xf>
    <xf numFmtId="0" fontId="24" fillId="0" borderId="5" xfId="3" applyFont="1" applyBorder="1" applyAlignment="1" applyProtection="1">
      <alignment vertical="center" wrapText="1"/>
    </xf>
    <xf numFmtId="14" fontId="6" fillId="2" borderId="5" xfId="3" applyNumberFormat="1" applyFont="1" applyFill="1" applyBorder="1" applyAlignment="1" applyProtection="1">
      <alignment horizontal="center" vertical="center"/>
    </xf>
    <xf numFmtId="0" fontId="6" fillId="2" borderId="5" xfId="3" applyFont="1" applyFill="1" applyBorder="1" applyAlignment="1">
      <alignment horizontal="center" vertical="center" wrapText="1"/>
    </xf>
    <xf numFmtId="0" fontId="6" fillId="2" borderId="5" xfId="3" applyFont="1" applyFill="1" applyBorder="1" applyAlignment="1" applyProtection="1">
      <alignment horizontal="center" vertical="center" wrapText="1"/>
    </xf>
    <xf numFmtId="49" fontId="6" fillId="2" borderId="5" xfId="3" applyNumberFormat="1" applyFont="1" applyFill="1" applyBorder="1" applyAlignment="1" applyProtection="1">
      <alignment horizontal="center" vertical="center" wrapText="1"/>
    </xf>
    <xf numFmtId="14" fontId="6" fillId="0" borderId="5" xfId="3" applyNumberFormat="1" applyFont="1" applyBorder="1" applyAlignment="1" applyProtection="1">
      <alignment horizontal="center" vertical="center"/>
    </xf>
    <xf numFmtId="0" fontId="6" fillId="0" borderId="5" xfId="3" applyFont="1" applyBorder="1" applyAlignment="1" applyProtection="1">
      <alignment horizontal="center" vertical="center" wrapText="1"/>
      <protection locked="0"/>
    </xf>
    <xf numFmtId="0" fontId="6" fillId="0" borderId="5" xfId="3" applyFont="1" applyBorder="1" applyAlignment="1" applyProtection="1">
      <alignment horizontal="center" vertical="center" wrapText="1"/>
    </xf>
    <xf numFmtId="49" fontId="6" fillId="0" borderId="5" xfId="3" applyNumberFormat="1" applyFont="1" applyFill="1" applyBorder="1" applyAlignment="1" applyProtection="1">
      <alignment horizontal="center" vertical="center" wrapText="1"/>
    </xf>
    <xf numFmtId="176" fontId="6" fillId="0" borderId="5" xfId="3" applyNumberFormat="1" applyFont="1" applyBorder="1" applyAlignment="1" applyProtection="1">
      <alignment horizontal="center" vertical="center" shrinkToFit="1"/>
    </xf>
    <xf numFmtId="0" fontId="6" fillId="0" borderId="5" xfId="3" applyFont="1" applyFill="1" applyBorder="1" applyAlignment="1" applyProtection="1">
      <alignment horizontal="center" vertical="center" wrapText="1"/>
    </xf>
    <xf numFmtId="49" fontId="6" fillId="0" borderId="5" xfId="3" applyNumberFormat="1" applyFont="1" applyBorder="1" applyAlignment="1" applyProtection="1">
      <alignment horizontal="center" vertical="center" wrapText="1"/>
    </xf>
    <xf numFmtId="14" fontId="6" fillId="0" borderId="1" xfId="3" applyNumberFormat="1" applyFont="1" applyBorder="1" applyAlignment="1" applyProtection="1">
      <alignment horizontal="center" vertical="center"/>
    </xf>
    <xf numFmtId="49" fontId="6" fillId="0" borderId="4" xfId="3" applyNumberFormat="1" applyFont="1" applyBorder="1" applyAlignment="1" applyProtection="1">
      <alignment horizontal="center" vertical="center" wrapText="1"/>
    </xf>
    <xf numFmtId="14" fontId="6" fillId="0" borderId="8" xfId="3" applyNumberFormat="1" applyFont="1" applyBorder="1" applyAlignment="1" applyProtection="1">
      <alignment horizontal="center" vertical="center"/>
    </xf>
    <xf numFmtId="0" fontId="6" fillId="0" borderId="0" xfId="3" applyFont="1" applyBorder="1" applyAlignment="1" applyProtection="1">
      <alignment vertical="center" wrapText="1"/>
    </xf>
    <xf numFmtId="49" fontId="6" fillId="0" borderId="8" xfId="3" applyNumberFormat="1" applyFont="1" applyBorder="1" applyAlignment="1" applyProtection="1">
      <alignment horizontal="center" vertical="center" shrinkToFit="1"/>
    </xf>
    <xf numFmtId="49" fontId="26" fillId="0" borderId="4" xfId="1" applyNumberFormat="1" applyFont="1" applyFill="1" applyBorder="1" applyAlignment="1" applyProtection="1">
      <alignment vertical="center" wrapText="1"/>
    </xf>
    <xf numFmtId="49" fontId="20" fillId="0" borderId="4" xfId="1" applyNumberFormat="1" applyFont="1" applyFill="1" applyBorder="1" applyAlignment="1" applyProtection="1">
      <alignment vertical="center" wrapText="1"/>
    </xf>
    <xf numFmtId="0" fontId="26" fillId="0" borderId="4" xfId="1" applyFont="1" applyFill="1" applyBorder="1" applyAlignment="1" applyProtection="1">
      <alignment horizontal="left" vertical="center" wrapText="1"/>
    </xf>
    <xf numFmtId="0" fontId="27" fillId="0" borderId="0" xfId="0" applyFont="1">
      <alignment vertical="center"/>
    </xf>
    <xf numFmtId="0" fontId="26" fillId="0" borderId="4" xfId="1" applyFont="1" applyFill="1" applyBorder="1" applyAlignment="1" applyProtection="1">
      <alignment vertical="center" wrapText="1"/>
    </xf>
    <xf numFmtId="0" fontId="26" fillId="0" borderId="1" xfId="1" applyFont="1" applyFill="1" applyBorder="1" applyAlignment="1" applyProtection="1">
      <alignment vertical="center" wrapText="1"/>
    </xf>
    <xf numFmtId="0" fontId="26" fillId="2" borderId="1" xfId="1" applyFont="1" applyFill="1" applyBorder="1" applyAlignment="1" applyProtection="1">
      <alignment vertical="center" wrapText="1"/>
    </xf>
    <xf numFmtId="49" fontId="26" fillId="0" borderId="4" xfId="1" applyNumberFormat="1" applyFont="1" applyBorder="1" applyAlignment="1" applyProtection="1">
      <alignment vertical="center" wrapText="1"/>
    </xf>
    <xf numFmtId="0" fontId="26" fillId="0" borderId="4" xfId="1" applyFont="1" applyBorder="1" applyAlignment="1" applyProtection="1">
      <alignment vertical="center" wrapText="1"/>
    </xf>
    <xf numFmtId="0" fontId="26" fillId="2" borderId="4" xfId="1" applyFont="1" applyFill="1" applyBorder="1" applyAlignment="1" applyProtection="1">
      <alignment vertical="center" wrapText="1"/>
    </xf>
    <xf numFmtId="49" fontId="20" fillId="0" borderId="1" xfId="1" applyNumberFormat="1" applyFont="1" applyFill="1" applyBorder="1" applyAlignment="1" applyProtection="1">
      <alignment vertical="center" wrapText="1"/>
    </xf>
    <xf numFmtId="49" fontId="26" fillId="0" borderId="1" xfId="1" applyNumberFormat="1" applyFont="1" applyFill="1" applyBorder="1" applyAlignment="1" applyProtection="1">
      <alignment vertical="center" wrapText="1"/>
    </xf>
    <xf numFmtId="49" fontId="26" fillId="0" borderId="0" xfId="1" applyNumberFormat="1" applyFont="1" applyFill="1" applyBorder="1" applyAlignment="1" applyProtection="1">
      <alignment vertical="center" wrapText="1"/>
    </xf>
    <xf numFmtId="0" fontId="25" fillId="0" borderId="4" xfId="3" applyFont="1" applyBorder="1" applyAlignment="1" applyProtection="1">
      <alignment vertical="center" wrapText="1"/>
    </xf>
    <xf numFmtId="49" fontId="28" fillId="0" borderId="4" xfId="1" applyNumberFormat="1" applyFont="1" applyFill="1" applyBorder="1" applyAlignment="1" applyProtection="1">
      <alignment vertical="center" wrapText="1"/>
    </xf>
    <xf numFmtId="49" fontId="26" fillId="0" borderId="4" xfId="1" applyNumberFormat="1" applyFont="1" applyFill="1" applyBorder="1" applyAlignment="1" applyProtection="1">
      <alignment horizontal="center" vertical="center" wrapText="1"/>
    </xf>
    <xf numFmtId="49" fontId="26" fillId="0" borderId="6" xfId="1" applyNumberFormat="1" applyFont="1" applyFill="1" applyBorder="1" applyAlignment="1" applyProtection="1">
      <alignment vertical="center" wrapText="1"/>
    </xf>
    <xf numFmtId="49" fontId="26" fillId="2" borderId="1" xfId="1" applyNumberFormat="1" applyFont="1" applyFill="1" applyBorder="1" applyAlignment="1" applyProtection="1">
      <alignment vertical="center" wrapText="1"/>
    </xf>
    <xf numFmtId="49" fontId="26" fillId="2" borderId="4" xfId="1" applyNumberFormat="1" applyFont="1" applyFill="1" applyBorder="1" applyAlignment="1" applyProtection="1">
      <alignment vertical="center" wrapText="1"/>
    </xf>
    <xf numFmtId="0" fontId="26" fillId="0" borderId="6" xfId="1" applyFont="1" applyBorder="1" applyAlignment="1" applyProtection="1">
      <alignment vertical="center" wrapText="1"/>
    </xf>
    <xf numFmtId="0" fontId="19" fillId="0" borderId="4" xfId="1" applyNumberFormat="1" applyFont="1" applyFill="1" applyBorder="1" applyAlignment="1" applyProtection="1">
      <alignment vertical="center" wrapText="1"/>
    </xf>
    <xf numFmtId="49" fontId="26" fillId="2" borderId="6" xfId="1" applyNumberFormat="1" applyFont="1" applyFill="1" applyBorder="1" applyAlignment="1" applyProtection="1">
      <alignment vertical="center" wrapText="1"/>
    </xf>
    <xf numFmtId="0" fontId="6" fillId="0" borderId="1" xfId="2" applyFont="1" applyBorder="1" applyAlignment="1">
      <alignment horizontal="center" vertical="center" wrapText="1"/>
    </xf>
    <xf numFmtId="0" fontId="6" fillId="0" borderId="4" xfId="3" applyFont="1" applyBorder="1" applyAlignment="1" applyProtection="1">
      <alignment horizontal="center" vertical="center" wrapText="1"/>
      <protection locked="0"/>
    </xf>
    <xf numFmtId="0" fontId="6" fillId="2" borderId="5" xfId="3" applyFont="1" applyFill="1" applyBorder="1" applyAlignment="1" applyProtection="1">
      <alignment horizontal="center" vertical="center" wrapText="1"/>
      <protection locked="0"/>
    </xf>
    <xf numFmtId="14" fontId="6" fillId="0" borderId="1" xfId="0" applyNumberFormat="1" applyFont="1" applyBorder="1" applyAlignment="1">
      <alignment horizontal="center" vertical="center" shrinkToFit="1"/>
    </xf>
    <xf numFmtId="14" fontId="6" fillId="0" borderId="1" xfId="0" applyNumberFormat="1" applyFont="1" applyBorder="1" applyAlignment="1">
      <alignment horizontal="center" vertical="center"/>
    </xf>
    <xf numFmtId="49" fontId="6" fillId="0" borderId="1" xfId="0" applyNumberFormat="1" applyFont="1" applyBorder="1" applyAlignment="1">
      <alignment horizontal="center" vertical="center" wrapText="1"/>
    </xf>
    <xf numFmtId="49" fontId="6" fillId="2" borderId="1" xfId="3" applyNumberFormat="1" applyFont="1" applyFill="1" applyBorder="1" applyAlignment="1">
      <alignment horizontal="center" vertical="center" wrapText="1"/>
    </xf>
    <xf numFmtId="0" fontId="6" fillId="2" borderId="1" xfId="3" applyFont="1" applyFill="1" applyBorder="1" applyAlignment="1">
      <alignment vertical="center" wrapText="1"/>
    </xf>
    <xf numFmtId="0" fontId="10" fillId="0" borderId="1" xfId="1" applyFont="1" applyFill="1" applyBorder="1" applyAlignment="1" applyProtection="1">
      <alignment horizontal="left" vertical="center" wrapText="1"/>
    </xf>
    <xf numFmtId="0" fontId="6" fillId="2" borderId="1" xfId="3" applyFont="1" applyFill="1" applyBorder="1" applyAlignment="1">
      <alignment horizontal="center" vertical="center" wrapText="1"/>
    </xf>
    <xf numFmtId="0" fontId="6" fillId="2" borderId="1" xfId="3" applyFont="1" applyFill="1" applyBorder="1" applyAlignment="1" applyProtection="1">
      <alignment horizontal="center" vertical="center" wrapText="1"/>
    </xf>
    <xf numFmtId="49" fontId="6" fillId="2" borderId="1" xfId="3" applyNumberFormat="1" applyFont="1" applyFill="1" applyBorder="1" applyAlignment="1" applyProtection="1">
      <alignment horizontal="center" vertical="center" wrapText="1"/>
    </xf>
    <xf numFmtId="49" fontId="10" fillId="0" borderId="1" xfId="1" applyNumberFormat="1" applyFont="1" applyBorder="1" applyAlignment="1" applyProtection="1">
      <alignment vertical="center" wrapText="1"/>
    </xf>
    <xf numFmtId="0" fontId="21" fillId="0" borderId="1" xfId="1" applyNumberFormat="1" applyFont="1" applyFill="1" applyBorder="1" applyAlignment="1" applyProtection="1">
      <alignment vertical="center" wrapText="1"/>
    </xf>
    <xf numFmtId="49" fontId="19" fillId="0" borderId="1" xfId="1" applyNumberFormat="1" applyFont="1" applyFill="1" applyBorder="1" applyAlignment="1" applyProtection="1">
      <alignment vertical="center" wrapText="1"/>
    </xf>
    <xf numFmtId="0" fontId="10" fillId="0" borderId="1" xfId="1" applyFont="1" applyBorder="1" applyAlignment="1" applyProtection="1">
      <alignment vertical="center" wrapText="1"/>
    </xf>
    <xf numFmtId="49" fontId="10" fillId="5" borderId="1" xfId="1" applyNumberFormat="1" applyFont="1" applyFill="1" applyBorder="1" applyAlignment="1" applyProtection="1">
      <alignment vertical="center" wrapText="1"/>
    </xf>
    <xf numFmtId="49" fontId="10" fillId="0" borderId="1" xfId="1" applyNumberFormat="1" applyFont="1" applyBorder="1" applyAlignment="1" applyProtection="1">
      <alignment vertical="center" wrapText="1" shrinkToFit="1"/>
    </xf>
    <xf numFmtId="49" fontId="10" fillId="0" borderId="1" xfId="1" applyNumberFormat="1" applyFont="1" applyFill="1" applyBorder="1" applyAlignment="1" applyProtection="1">
      <alignment horizontal="center" vertical="center" wrapText="1"/>
    </xf>
    <xf numFmtId="0" fontId="7" fillId="0" borderId="1" xfId="3" applyFont="1" applyBorder="1" applyAlignment="1" applyProtection="1">
      <alignment vertical="center" wrapText="1"/>
    </xf>
    <xf numFmtId="49" fontId="6" fillId="3" borderId="1" xfId="0" applyNumberFormat="1" applyFont="1" applyFill="1" applyBorder="1" applyAlignment="1">
      <alignment vertical="center" wrapText="1"/>
    </xf>
    <xf numFmtId="14" fontId="1" fillId="2" borderId="4" xfId="0" applyNumberFormat="1" applyFont="1" applyFill="1" applyBorder="1" applyAlignment="1">
      <alignment horizontal="center" vertical="center"/>
    </xf>
    <xf numFmtId="14" fontId="1" fillId="2" borderId="1" xfId="0" applyNumberFormat="1" applyFont="1" applyFill="1" applyBorder="1" applyAlignment="1">
      <alignment horizontal="center" vertical="center"/>
    </xf>
    <xf numFmtId="0" fontId="24" fillId="0" borderId="1" xfId="0" applyFont="1" applyBorder="1" applyAlignment="1">
      <alignment vertical="center" wrapText="1"/>
    </xf>
    <xf numFmtId="0" fontId="1" fillId="0" borderId="1" xfId="0" applyFont="1" applyBorder="1" applyAlignment="1">
      <alignment vertical="center" wrapText="1"/>
    </xf>
    <xf numFmtId="49" fontId="1" fillId="0" borderId="1" xfId="0" applyNumberFormat="1" applyFont="1" applyBorder="1" applyAlignment="1">
      <alignment vertical="center" wrapText="1"/>
    </xf>
    <xf numFmtId="14" fontId="1" fillId="0" borderId="1" xfId="0" applyNumberFormat="1" applyFont="1" applyBorder="1" applyAlignment="1">
      <alignment horizontal="center" vertical="center" shrinkToFit="1"/>
    </xf>
    <xf numFmtId="49" fontId="1" fillId="0" borderId="4" xfId="0" applyNumberFormat="1" applyFont="1" applyBorder="1" applyAlignment="1">
      <alignment horizontal="center" vertical="center" wrapText="1"/>
    </xf>
    <xf numFmtId="14" fontId="1" fillId="0" borderId="8" xfId="0" applyNumberFormat="1" applyFont="1" applyBorder="1" applyAlignment="1">
      <alignment horizontal="center" vertical="center" shrinkToFit="1"/>
    </xf>
    <xf numFmtId="49" fontId="1" fillId="0" borderId="4" xfId="0" applyNumberFormat="1" applyFont="1" applyBorder="1" applyAlignment="1">
      <alignment vertical="center" wrapText="1"/>
    </xf>
    <xf numFmtId="14" fontId="1" fillId="0" borderId="1" xfId="0" applyNumberFormat="1" applyFont="1" applyBorder="1" applyAlignment="1">
      <alignment horizontal="center" vertical="center"/>
    </xf>
    <xf numFmtId="49" fontId="1" fillId="0" borderId="1" xfId="0" applyNumberFormat="1" applyFont="1" applyBorder="1" applyAlignment="1">
      <alignment horizontal="center" vertical="center" wrapText="1"/>
    </xf>
    <xf numFmtId="14" fontId="6" fillId="0" borderId="1" xfId="3" applyNumberFormat="1" applyFont="1" applyFill="1" applyBorder="1" applyAlignment="1">
      <alignment horizontal="center" vertical="center" wrapText="1"/>
    </xf>
    <xf numFmtId="49" fontId="6" fillId="0" borderId="1" xfId="0" applyNumberFormat="1" applyFont="1" applyFill="1" applyBorder="1" applyAlignment="1">
      <alignment vertical="center" wrapText="1"/>
    </xf>
    <xf numFmtId="0" fontId="6" fillId="0" borderId="1" xfId="0" applyFont="1" applyFill="1" applyBorder="1" applyAlignment="1">
      <alignment horizontal="center" vertical="center" wrapText="1"/>
    </xf>
    <xf numFmtId="0" fontId="0" fillId="0" borderId="0" xfId="0" applyFont="1" applyFill="1">
      <alignment vertical="center"/>
    </xf>
    <xf numFmtId="176" fontId="6" fillId="0" borderId="1" xfId="3" applyNumberFormat="1" applyFont="1" applyFill="1" applyBorder="1" applyAlignment="1" applyProtection="1">
      <alignment horizontal="center" vertical="center" wrapText="1" shrinkToFit="1"/>
    </xf>
    <xf numFmtId="0" fontId="6" fillId="0" borderId="1" xfId="3" applyFont="1" applyFill="1" applyBorder="1" applyAlignment="1">
      <alignment horizontal="left" vertical="center" wrapText="1"/>
    </xf>
    <xf numFmtId="0" fontId="3" fillId="0" borderId="1" xfId="3" applyBorder="1" applyAlignment="1">
      <alignment vertical="center" wrapText="1"/>
    </xf>
    <xf numFmtId="0" fontId="6" fillId="0" borderId="1" xfId="3" applyNumberFormat="1" applyFont="1" applyFill="1" applyBorder="1" applyAlignment="1" applyProtection="1">
      <alignment horizontal="center" vertical="center" wrapText="1"/>
    </xf>
    <xf numFmtId="0" fontId="6" fillId="0" borderId="1" xfId="1" applyNumberFormat="1" applyFont="1" applyFill="1" applyBorder="1" applyAlignment="1" applyProtection="1">
      <alignment horizontal="center" vertical="center" wrapText="1"/>
    </xf>
    <xf numFmtId="0" fontId="6" fillId="0" borderId="1" xfId="0" applyNumberFormat="1" applyFont="1" applyFill="1" applyBorder="1" applyAlignment="1" applyProtection="1">
      <alignment horizontal="center" vertical="center" wrapText="1"/>
    </xf>
    <xf numFmtId="0" fontId="27" fillId="0" borderId="1" xfId="0" applyFont="1" applyFill="1" applyBorder="1">
      <alignment vertical="center"/>
    </xf>
    <xf numFmtId="0" fontId="27" fillId="0" borderId="4" xfId="0" applyFont="1" applyFill="1" applyBorder="1">
      <alignment vertical="center"/>
    </xf>
    <xf numFmtId="0" fontId="3" fillId="0" borderId="1" xfId="3" applyBorder="1" applyAlignment="1" applyProtection="1">
      <alignment vertical="center" wrapText="1"/>
    </xf>
    <xf numFmtId="49" fontId="3" fillId="0" borderId="4" xfId="3" applyNumberFormat="1" applyFont="1" applyFill="1" applyBorder="1" applyAlignment="1" applyProtection="1">
      <alignment vertical="center" wrapText="1"/>
    </xf>
    <xf numFmtId="176" fontId="3" fillId="0" borderId="1" xfId="3" applyNumberFormat="1" applyBorder="1" applyAlignment="1" applyProtection="1">
      <alignment vertical="center" shrinkToFit="1"/>
    </xf>
    <xf numFmtId="0" fontId="3" fillId="0" borderId="1" xfId="3" applyFill="1" applyBorder="1" applyAlignment="1" applyProtection="1">
      <alignment vertical="center" wrapText="1"/>
    </xf>
    <xf numFmtId="49" fontId="3" fillId="0" borderId="1" xfId="3" applyNumberFormat="1" applyFont="1" applyBorder="1" applyAlignment="1" applyProtection="1">
      <alignment horizontal="center" vertical="center" wrapText="1"/>
    </xf>
    <xf numFmtId="14" fontId="6" fillId="0" borderId="1" xfId="3" applyNumberFormat="1" applyFont="1" applyFill="1" applyBorder="1" applyAlignment="1">
      <alignment horizontal="center" vertical="center" shrinkToFit="1"/>
    </xf>
    <xf numFmtId="14" fontId="6" fillId="0" borderId="1" xfId="3" applyNumberFormat="1" applyFont="1" applyBorder="1" applyAlignment="1">
      <alignment horizontal="center" vertical="center" shrinkToFit="1"/>
    </xf>
    <xf numFmtId="14" fontId="6" fillId="0" borderId="1" xfId="3" applyNumberFormat="1" applyFont="1" applyFill="1" applyBorder="1" applyAlignment="1">
      <alignment horizontal="center" vertical="center" wrapText="1" shrinkToFit="1"/>
    </xf>
    <xf numFmtId="14" fontId="6" fillId="0" borderId="1" xfId="3" applyNumberFormat="1" applyFont="1" applyBorder="1" applyAlignment="1" applyProtection="1">
      <alignment horizontal="center" vertical="center" shrinkToFit="1"/>
    </xf>
    <xf numFmtId="14" fontId="6" fillId="0" borderId="1" xfId="3" applyNumberFormat="1" applyFont="1" applyFill="1" applyBorder="1" applyAlignment="1" applyProtection="1">
      <alignment horizontal="center" vertical="center" shrinkToFit="1"/>
    </xf>
    <xf numFmtId="14" fontId="6" fillId="0" borderId="1" xfId="3" applyNumberFormat="1" applyFont="1" applyFill="1" applyBorder="1" applyAlignment="1" applyProtection="1">
      <alignment horizontal="center" vertical="center" wrapText="1"/>
    </xf>
    <xf numFmtId="0" fontId="22" fillId="0" borderId="2" xfId="0" applyFont="1" applyBorder="1" applyAlignment="1">
      <alignment horizontal="center" vertical="center"/>
    </xf>
    <xf numFmtId="49" fontId="6" fillId="0" borderId="1" xfId="3" applyNumberFormat="1" applyFont="1" applyFill="1" applyBorder="1" applyAlignment="1" applyProtection="1">
      <alignment vertical="center" shrinkToFit="1"/>
    </xf>
    <xf numFmtId="0" fontId="1" fillId="0" borderId="0" xfId="0" applyFont="1" applyFill="1">
      <alignment vertical="center"/>
    </xf>
  </cellXfs>
  <cellStyles count="6">
    <cellStyle name="どちらでもない" xfId="5" builtinId="28"/>
    <cellStyle name="ハイパーリンク" xfId="1" builtinId="8" customBuiltin="1"/>
    <cellStyle name="桁区切り 2" xfId="4"/>
    <cellStyle name="標準" xfId="0" builtinId="0"/>
    <cellStyle name="標準 2" xfId="2"/>
    <cellStyle name="標準 3 2" xfId="3"/>
  </cellStyles>
  <dxfs count="0"/>
  <tableStyles count="0" defaultTableStyle="TableStyleMedium2" defaultPivotStyle="PivotStyleLight16"/>
  <colors>
    <mruColors>
      <color rgb="FF0000FF"/>
      <color rgb="FFFFFF99"/>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externalLink" Target="externalLinks/externalLink1.xml"/><Relationship Id="rId8" Type="http://schemas.openxmlformats.org/officeDocument/2006/relationships/worksheet" Target="worksheets/sheet8.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36861;&#21152;&#12539;&#20462;&#27491;&#22238;&#31572;/02_&#12304;&#27096;&#24335;&#12305;&#35519;&#26619;&#31080;&#65288;&#30476;&#36899;&#21512;&#36864;&#32887;&#26657;&#38263;&#2025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
      <sheetName val="回答要領"/>
      <sheetName val="別表1コード表"/>
    </sheetNames>
    <sheetDataSet>
      <sheetData sheetId="0"/>
      <sheetData sheetId="1"/>
      <sheetData sheetId="2"/>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17" Type="http://schemas.openxmlformats.org/officeDocument/2006/relationships/hyperlink" Target="https://www.sagamihara-kouminkan.jp/f-chuuou-k/" TargetMode="External"/><Relationship Id="rId299" Type="http://schemas.openxmlformats.org/officeDocument/2006/relationships/hyperlink" Target="http://www.aikawa-park.jp/publics/index/94/" TargetMode="External"/><Relationship Id="rId21" Type="http://schemas.openxmlformats.org/officeDocument/2006/relationships/hyperlink" Target="https://www.ku-portsquare.jp/site/course/list/" TargetMode="External"/><Relationship Id="rId63" Type="http://schemas.openxmlformats.org/officeDocument/2006/relationships/hyperlink" Target="https://www.city.yokohama.lg.jp/kurashi/kyodo-manabi/library/tshokan/konan/oshirase.html" TargetMode="External"/><Relationship Id="rId159" Type="http://schemas.openxmlformats.org/officeDocument/2006/relationships/hyperlink" Target="http://www.city.fujisawa.kanagawa.jp/bunka/FAS/" TargetMode="External"/><Relationship Id="rId324" Type="http://schemas.openxmlformats.org/officeDocument/2006/relationships/hyperlink" Target="https://shougai.bunkyo.ac.jp/" TargetMode="External"/><Relationship Id="rId170" Type="http://schemas.openxmlformats.org/officeDocument/2006/relationships/hyperlink" Target="https://nh.kanagawa-museum.jp/www/contents/1745631008748/index.html" TargetMode="External"/><Relationship Id="rId226" Type="http://schemas.openxmlformats.org/officeDocument/2006/relationships/hyperlink" Target="http://www.zamayatoyama.kanagawa-park.or.jp/" TargetMode="External"/><Relationship Id="rId268" Type="http://schemas.openxmlformats.org/officeDocument/2006/relationships/hyperlink" Target="www,ayaselib.jp" TargetMode="External"/><Relationship Id="rId32" Type="http://schemas.openxmlformats.org/officeDocument/2006/relationships/hyperlink" Target="https://www.ku-portsquare.jp/site/course/list/" TargetMode="External"/><Relationship Id="rId74" Type="http://schemas.openxmlformats.org/officeDocument/2006/relationships/hyperlink" Target="https://archives.pref.kanagawa.jp/" TargetMode="External"/><Relationship Id="rId128" Type="http://schemas.openxmlformats.org/officeDocument/2006/relationships/hyperlink" Target="https://www.lib.sagamihara.kanagawa.jp/" TargetMode="External"/><Relationship Id="rId335" Type="http://schemas.openxmlformats.org/officeDocument/2006/relationships/hyperlink" Target="https://www.kanabun.net/" TargetMode="External"/><Relationship Id="rId5" Type="http://schemas.openxmlformats.org/officeDocument/2006/relationships/hyperlink" Target="https://ssl.smart-academy.net/ycu/course/detail/802/" TargetMode="External"/><Relationship Id="rId181" Type="http://schemas.openxmlformats.org/officeDocument/2006/relationships/hyperlink" Target="https://nh.kanagawa-museum.jp/www/contents/1748499953275/index.html" TargetMode="External"/><Relationship Id="rId237" Type="http://schemas.openxmlformats.org/officeDocument/2006/relationships/hyperlink" Target="www.city.ayase.kanagawa.jp/kanko_bunka_sports/bunka_geijutsu/ayasebunkageijutsusai/16021.html" TargetMode="External"/><Relationship Id="rId279" Type="http://schemas.openxmlformats.org/officeDocument/2006/relationships/hyperlink" Target="https://www.kanagawa-park.or.jp/ooisojoyama/" TargetMode="External"/><Relationship Id="rId43" Type="http://schemas.openxmlformats.org/officeDocument/2006/relationships/hyperlink" Target="https://www.ku-portsquare.jp/site/course/list/" TargetMode="External"/><Relationship Id="rId139" Type="http://schemas.openxmlformats.org/officeDocument/2006/relationships/hyperlink" Target="https://b-boardofedu.yokosukacity.andteacher.jp/modules/hp_jpage1/" TargetMode="External"/><Relationship Id="rId290" Type="http://schemas.openxmlformats.org/officeDocument/2006/relationships/hyperlink" Target="https://www.town.yugawara.kanagawa.jp/site/tosyokan/1824.html" TargetMode="External"/><Relationship Id="rId304" Type="http://schemas.openxmlformats.org/officeDocument/2006/relationships/hyperlink" Target="http://www.aikawa-park.jp/publics/index/37/" TargetMode="External"/><Relationship Id="rId346" Type="http://schemas.openxmlformats.org/officeDocument/2006/relationships/hyperlink" Target="https://www.pref.kanagawa.jp/docs/ch3/shuchou/index.html" TargetMode="External"/><Relationship Id="rId85" Type="http://schemas.openxmlformats.org/officeDocument/2006/relationships/hyperlink" Target="https://kanagawa-park.or.jp/sakaigawa/" TargetMode="External"/><Relationship Id="rId150" Type="http://schemas.openxmlformats.org/officeDocument/2006/relationships/hyperlink" Target="https://www.kanagawa-park.or.jp/kannonzaki/" TargetMode="External"/><Relationship Id="rId192" Type="http://schemas.openxmlformats.org/officeDocument/2006/relationships/hyperlink" Target="https://www.kanagawaparks.com/suwanohara/" TargetMode="External"/><Relationship Id="rId206" Type="http://schemas.openxmlformats.org/officeDocument/2006/relationships/hyperlink" Target="https://www.kanagawa-park.or.jp/nanasawa/event.html" TargetMode="External"/><Relationship Id="rId248" Type="http://schemas.openxmlformats.org/officeDocument/2006/relationships/hyperlink" Target="www,ayaselib.jp" TargetMode="External"/><Relationship Id="rId12" Type="http://schemas.openxmlformats.org/officeDocument/2006/relationships/hyperlink" Target="https://www.ku-portsquare.jp/site/course/list/" TargetMode="External"/><Relationship Id="rId108" Type="http://schemas.openxmlformats.org/officeDocument/2006/relationships/hyperlink" Target="https://www.tosei-showa-music.ac.jp/" TargetMode="External"/><Relationship Id="rId315" Type="http://schemas.openxmlformats.org/officeDocument/2006/relationships/hyperlink" Target="https://www.yashima.ac.jp/univ/extension/course/2025/03/post-630.html" TargetMode="External"/><Relationship Id="rId54" Type="http://schemas.openxmlformats.org/officeDocument/2006/relationships/hyperlink" Target="https://ferris-concert.studio.site/" TargetMode="External"/><Relationship Id="rId96" Type="http://schemas.openxmlformats.org/officeDocument/2006/relationships/hyperlink" Target="https://www.tosei-showa-music.ac.jp/admission/" TargetMode="External"/><Relationship Id="rId161" Type="http://schemas.openxmlformats.org/officeDocument/2006/relationships/hyperlink" Target="https://www.pref.kanagawa.jp/docs/tz5/cnt/f6135/index.html" TargetMode="External"/><Relationship Id="rId217" Type="http://schemas.openxmlformats.org/officeDocument/2006/relationships/hyperlink" Target="https://www.city.zama.kanagawa.jp/shisetsu/kyoiku/kouminkan/1008638.html" TargetMode="External"/><Relationship Id="rId259" Type="http://schemas.openxmlformats.org/officeDocument/2006/relationships/hyperlink" Target="www,ayaselib.jp" TargetMode="External"/><Relationship Id="rId23" Type="http://schemas.openxmlformats.org/officeDocument/2006/relationships/hyperlink" Target="https://www.ku-portsquare.jp/site/course/list/" TargetMode="External"/><Relationship Id="rId119" Type="http://schemas.openxmlformats.org/officeDocument/2006/relationships/hyperlink" Target="https://www.fujino-art.jp/" TargetMode="External"/><Relationship Id="rId270" Type="http://schemas.openxmlformats.org/officeDocument/2006/relationships/hyperlink" Target="www,ayaselib.jp" TargetMode="External"/><Relationship Id="rId326" Type="http://schemas.openxmlformats.org/officeDocument/2006/relationships/hyperlink" Target="https://shougai.bunkyo.ac.jp/" TargetMode="External"/><Relationship Id="rId65" Type="http://schemas.openxmlformats.org/officeDocument/2006/relationships/hyperlink" Target="https://www.city.yokohama.lg.jp/kurashi/kyodo-manabi/library/tshokan/konan/oshirase.html" TargetMode="External"/><Relationship Id="rId130" Type="http://schemas.openxmlformats.org/officeDocument/2006/relationships/hyperlink" Target="https://www.joshibi.net/museum/jam/2025/Sensyoku2025.html" TargetMode="External"/><Relationship Id="rId172" Type="http://schemas.openxmlformats.org/officeDocument/2006/relationships/hyperlink" Target="https://nh.kanagawa-museum.jp/www/contents/1745635091022/index.html" TargetMode="External"/><Relationship Id="rId228" Type="http://schemas.openxmlformats.org/officeDocument/2006/relationships/hyperlink" Target="http://www.zamayatoyama.kanagawa-park.or.jp/" TargetMode="External"/><Relationship Id="rId281" Type="http://schemas.openxmlformats.org/officeDocument/2006/relationships/hyperlink" Target="http://www.kanagawa-park.or.jp/tsuburano/" TargetMode="External"/><Relationship Id="rId337" Type="http://schemas.openxmlformats.org/officeDocument/2006/relationships/hyperlink" Target="https://www.pref.kanagawa.jp/docs/b4f/index.html" TargetMode="External"/><Relationship Id="rId34" Type="http://schemas.openxmlformats.org/officeDocument/2006/relationships/hyperlink" Target="https://www.ku-portsquare.jp/site/course/list/" TargetMode="External"/><Relationship Id="rId76" Type="http://schemas.openxmlformats.org/officeDocument/2006/relationships/hyperlink" Target="https://ssl.smart-academy.net/ycu/course/detail/805/" TargetMode="External"/><Relationship Id="rId141" Type="http://schemas.openxmlformats.org/officeDocument/2006/relationships/hyperlink" Target="https://www.museum.yokosuka.kanagawa.jp/archives/exinfo/106088" TargetMode="External"/><Relationship Id="rId7" Type="http://schemas.openxmlformats.org/officeDocument/2006/relationships/hyperlink" Target="https://www.ku-portsquare.jp/site/course/list/" TargetMode="External"/><Relationship Id="rId183" Type="http://schemas.openxmlformats.org/officeDocument/2006/relationships/hyperlink" Target="https://nh.kanagawa-museum.jp/www/contents/1748500085835/index.html" TargetMode="External"/><Relationship Id="rId239" Type="http://schemas.openxmlformats.org/officeDocument/2006/relationships/hyperlink" Target="www.city.ayase.kanagawa.jp/kanko_bunka_sports/bunka_geijutsu/ayasebunkageijutsusai/16021.html" TargetMode="External"/><Relationship Id="rId250" Type="http://schemas.openxmlformats.org/officeDocument/2006/relationships/hyperlink" Target="https://www.city.ayase.kanagawa.jp/" TargetMode="External"/><Relationship Id="rId292" Type="http://schemas.openxmlformats.org/officeDocument/2006/relationships/hyperlink" Target="https://www.town.yugawara.kanagawa.jp/site/tosyokan/1824.html" TargetMode="External"/><Relationship Id="rId306" Type="http://schemas.openxmlformats.org/officeDocument/2006/relationships/hyperlink" Target="http://www.aikawa-park.jp/publics/index/37/" TargetMode="External"/><Relationship Id="rId45" Type="http://schemas.openxmlformats.org/officeDocument/2006/relationships/hyperlink" Target="https://www.pref.kanagawa.jp/docs/tz5/kanagawa_deaflympics/index.html" TargetMode="External"/><Relationship Id="rId87" Type="http://schemas.openxmlformats.org/officeDocument/2006/relationships/hyperlink" Target="https://www.nihonminkaen.jp/" TargetMode="External"/><Relationship Id="rId110" Type="http://schemas.openxmlformats.org/officeDocument/2006/relationships/hyperlink" Target="https://www.tosei-showa-music.ac.jp/admission/" TargetMode="External"/><Relationship Id="rId348" Type="http://schemas.openxmlformats.org/officeDocument/2006/relationships/hyperlink" Target="https://www.yashima.ac.jp/univ/extension/course/2025/04/1-32-7.html" TargetMode="External"/><Relationship Id="rId152" Type="http://schemas.openxmlformats.org/officeDocument/2006/relationships/hyperlink" Target="https://www.kanagawa-park.or.jp/kannonzaki/" TargetMode="External"/><Relationship Id="rId194" Type="http://schemas.openxmlformats.org/officeDocument/2006/relationships/hyperlink" Target="https://www.kanagawa-park.or.jp/satoyama/" TargetMode="External"/><Relationship Id="rId208" Type="http://schemas.openxmlformats.org/officeDocument/2006/relationships/hyperlink" Target="https://www.city.yamato.lg.jp/gyosei/bunka_sports/bunka_geijutsu/rekishi_bunkazai/tsurumainosatorekishishiryokan/11843.html" TargetMode="External"/><Relationship Id="rId261" Type="http://schemas.openxmlformats.org/officeDocument/2006/relationships/hyperlink" Target="www,ayaselib.jp" TargetMode="External"/><Relationship Id="rId14" Type="http://schemas.openxmlformats.org/officeDocument/2006/relationships/hyperlink" Target="https://www.ku-portsquare.jp/site/course/list/" TargetMode="External"/><Relationship Id="rId56" Type="http://schemas.openxmlformats.org/officeDocument/2006/relationships/hyperlink" Target="https://ferris-concert.studio.site/" TargetMode="External"/><Relationship Id="rId317" Type="http://schemas.openxmlformats.org/officeDocument/2006/relationships/hyperlink" Target="https://www.yashima.ac.jp/univ/extension/course/2025/04/post-631.html" TargetMode="External"/><Relationship Id="rId8" Type="http://schemas.openxmlformats.org/officeDocument/2006/relationships/hyperlink" Target="https://www.ku-portsquare.jp/site/course/list/" TargetMode="External"/><Relationship Id="rId98" Type="http://schemas.openxmlformats.org/officeDocument/2006/relationships/hyperlink" Target="https://www.tosei-showa-music.ac.jp/" TargetMode="External"/><Relationship Id="rId121" Type="http://schemas.openxmlformats.org/officeDocument/2006/relationships/hyperlink" Target="http://www.kanagawa-park.or.jp/tsukuikoshiroyama/" TargetMode="External"/><Relationship Id="rId142" Type="http://schemas.openxmlformats.org/officeDocument/2006/relationships/hyperlink" Target="https://www.museum.yokosuka.kanagawa.jp/archives/event/106049?view=future" TargetMode="External"/><Relationship Id="rId163" Type="http://schemas.openxmlformats.org/officeDocument/2006/relationships/hyperlink" Target="https://www.s-n-p.jp/shonankaigan_park/news/2025yoga.html" TargetMode="External"/><Relationship Id="rId184" Type="http://schemas.openxmlformats.org/officeDocument/2006/relationships/hyperlink" Target="https://nh.kanagawa-museum.jp/www/contents/1748500144648/index.html" TargetMode="External"/><Relationship Id="rId219" Type="http://schemas.openxmlformats.org/officeDocument/2006/relationships/hyperlink" Target="https://www.pref.kanagawa.jp/docs/ch3/kagaku/index.html" TargetMode="External"/><Relationship Id="rId230" Type="http://schemas.openxmlformats.org/officeDocument/2006/relationships/hyperlink" Target="http://www.k-mask.jp/21/" TargetMode="External"/><Relationship Id="rId251" Type="http://schemas.openxmlformats.org/officeDocument/2006/relationships/hyperlink" Target="https://www.city.ayase.kanagawa.jp/" TargetMode="External"/><Relationship Id="rId25" Type="http://schemas.openxmlformats.org/officeDocument/2006/relationships/hyperlink" Target="https://www.ku-portsquare.jp/site/course/list/" TargetMode="External"/><Relationship Id="rId46" Type="http://schemas.openxmlformats.org/officeDocument/2006/relationships/hyperlink" Target="https://www.pref.kanagawa.jp/docs/ch3/kagaku/index.html" TargetMode="External"/><Relationship Id="rId67" Type="http://schemas.openxmlformats.org/officeDocument/2006/relationships/hyperlink" Target="https://www.city.yokohama.lg.jp/kurashi/kyodo-manabi/library/tshokan/konan/oshirase.html" TargetMode="External"/><Relationship Id="rId272" Type="http://schemas.openxmlformats.org/officeDocument/2006/relationships/hyperlink" Target="https://www.ayase-manavi.net/event/" TargetMode="External"/><Relationship Id="rId293" Type="http://schemas.openxmlformats.org/officeDocument/2006/relationships/hyperlink" Target="https://www.town.yugawara.kanagawa.jp/site/museum" TargetMode="External"/><Relationship Id="rId307" Type="http://schemas.openxmlformats.org/officeDocument/2006/relationships/hyperlink" Target="http://www.aikawa-park.jp/publics/index/37/" TargetMode="External"/><Relationship Id="rId328" Type="http://schemas.openxmlformats.org/officeDocument/2006/relationships/hyperlink" Target="https://shougai.bunkyo.ac.jp/" TargetMode="External"/><Relationship Id="rId349" Type="http://schemas.openxmlformats.org/officeDocument/2006/relationships/hyperlink" Target="https://www.yashima.ac.jp/univ/extension/course/2025/04/1-32-7.html" TargetMode="External"/><Relationship Id="rId88" Type="http://schemas.openxmlformats.org/officeDocument/2006/relationships/hyperlink" Target="https://www.nihonminkaen.jp/" TargetMode="External"/><Relationship Id="rId111" Type="http://schemas.openxmlformats.org/officeDocument/2006/relationships/hyperlink" Target="https://www.pref.kanagawa.jp/docs/vn7/cnt/f7179/index.html" TargetMode="External"/><Relationship Id="rId132" Type="http://schemas.openxmlformats.org/officeDocument/2006/relationships/hyperlink" Target="https://www.lib.sagamihara.kanagawa.jp/" TargetMode="External"/><Relationship Id="rId153" Type="http://schemas.openxmlformats.org/officeDocument/2006/relationships/hyperlink" Target="https://www.kanagawa-park.or.jp/kannonzaki/" TargetMode="External"/><Relationship Id="rId174" Type="http://schemas.openxmlformats.org/officeDocument/2006/relationships/hyperlink" Target="https://nh.kanagawa-museum.jp/www/contents/1748499507600/index.html" TargetMode="External"/><Relationship Id="rId195" Type="http://schemas.openxmlformats.org/officeDocument/2006/relationships/hyperlink" Target="https://www.city.zushi.kanagawa.jp/shiminkatsudo/bunkazai/1004537/1007768.html" TargetMode="External"/><Relationship Id="rId209" Type="http://schemas.openxmlformats.org/officeDocument/2006/relationships/hyperlink" Target="https://www.city.yamato.lg.jp/gyosei/bunka_sports/bunka_geijutsu/rekishi_bunkazai/tsurumainosatorekishishiryokan/11843.html" TargetMode="External"/><Relationship Id="rId220" Type="http://schemas.openxmlformats.org/officeDocument/2006/relationships/hyperlink" Target="https://www.pref.kanagawa.jp/docs/ch3/kagaku/index.html" TargetMode="External"/><Relationship Id="rId241" Type="http://schemas.openxmlformats.org/officeDocument/2006/relationships/hyperlink" Target="www.city.ayase.kanagawa.jp/kanko_bunka_sports/bunka_geijutsu/ayasebunkageijutsusai/16021.html" TargetMode="External"/><Relationship Id="rId15" Type="http://schemas.openxmlformats.org/officeDocument/2006/relationships/hyperlink" Target="https://www.ku-portsquare.jp/site/course/list/" TargetMode="External"/><Relationship Id="rId36" Type="http://schemas.openxmlformats.org/officeDocument/2006/relationships/hyperlink" Target="https://www.ku-portsquare.jp/site/course/list/" TargetMode="External"/><Relationship Id="rId57" Type="http://schemas.openxmlformats.org/officeDocument/2006/relationships/hyperlink" Target="https://www.kuhs.ac.jp/cooperation/extention/humanservice/" TargetMode="External"/><Relationship Id="rId262" Type="http://schemas.openxmlformats.org/officeDocument/2006/relationships/hyperlink" Target="www,ayaselib.jp" TargetMode="External"/><Relationship Id="rId283" Type="http://schemas.openxmlformats.org/officeDocument/2006/relationships/hyperlink" Target="http://www.kanagawa-park.or.jp/tsuburano/" TargetMode="External"/><Relationship Id="rId318" Type="http://schemas.openxmlformats.org/officeDocument/2006/relationships/hyperlink" Target="https://www.yashima.ac.jp/univ/extension/course/2025/04/post-632.html" TargetMode="External"/><Relationship Id="rId339" Type="http://schemas.openxmlformats.org/officeDocument/2006/relationships/hyperlink" Target="https://www.pref.kanagawa.jp/docs/vx6/kanatech_west/index.html" TargetMode="External"/><Relationship Id="rId78" Type="http://schemas.openxmlformats.org/officeDocument/2006/relationships/hyperlink" Target="https://www.yokohama-cu.ac.jp/fukuhp/section/other_sections/kanshikkan/index.html" TargetMode="External"/><Relationship Id="rId99" Type="http://schemas.openxmlformats.org/officeDocument/2006/relationships/hyperlink" Target="https://kawasaki-c-academy.jp/" TargetMode="External"/><Relationship Id="rId101" Type="http://schemas.openxmlformats.org/officeDocument/2006/relationships/hyperlink" Target="https://www.tosei-showa-music.ac.jp/admission/" TargetMode="External"/><Relationship Id="rId122" Type="http://schemas.openxmlformats.org/officeDocument/2006/relationships/hyperlink" Target="http://www.kanagawa-park.or.jp/tsukuikoshiroyama/" TargetMode="External"/><Relationship Id="rId143" Type="http://schemas.openxmlformats.org/officeDocument/2006/relationships/hyperlink" Target="https://www.museum.yokosuka.kanagawa.jp/archives/event/106033?view=future" TargetMode="External"/><Relationship Id="rId164" Type="http://schemas.openxmlformats.org/officeDocument/2006/relationships/hyperlink" Target="https://www.s-n-p.jp/shonankaigan_park/news/" TargetMode="External"/><Relationship Id="rId185" Type="http://schemas.openxmlformats.org/officeDocument/2006/relationships/hyperlink" Target="https://odawara-taikyo.or.jp/" TargetMode="External"/><Relationship Id="rId350" Type="http://schemas.openxmlformats.org/officeDocument/2006/relationships/hyperlink" Target="https://www.pref.kanagawa.jp/docs/tz5/cnt/f6135/index.html" TargetMode="External"/><Relationship Id="rId9" Type="http://schemas.openxmlformats.org/officeDocument/2006/relationships/hyperlink" Target="https://www.ku-portsquare.jp/site/course/list/" TargetMode="External"/><Relationship Id="rId210" Type="http://schemas.openxmlformats.org/officeDocument/2006/relationships/hyperlink" Target="https://www.city.yamato.lg.jp/gyosei/bunka_sports/bunka_geijutsu/rekishi_bunkazai/tsurumainosatorekishishiryokan/11843.html" TargetMode="External"/><Relationship Id="rId26" Type="http://schemas.openxmlformats.org/officeDocument/2006/relationships/hyperlink" Target="https://www.ku-portsquare.jp/site/course/list/" TargetMode="External"/><Relationship Id="rId231" Type="http://schemas.openxmlformats.org/officeDocument/2006/relationships/hyperlink" Target="http://www.k-mask.jp/21/" TargetMode="External"/><Relationship Id="rId252" Type="http://schemas.openxmlformats.org/officeDocument/2006/relationships/hyperlink" Target="https://www.city.ayase.kanagawa.jp/" TargetMode="External"/><Relationship Id="rId273" Type="http://schemas.openxmlformats.org/officeDocument/2006/relationships/hyperlink" Target="https://rcies.soken.ac.jp/index.html" TargetMode="External"/><Relationship Id="rId294" Type="http://schemas.openxmlformats.org/officeDocument/2006/relationships/hyperlink" Target="https://www.town.yugawara.kanagawa.jp/site/museum" TargetMode="External"/><Relationship Id="rId308" Type="http://schemas.openxmlformats.org/officeDocument/2006/relationships/hyperlink" Target="http://www.aikawa-park.jp/publics/index/37/" TargetMode="External"/><Relationship Id="rId329" Type="http://schemas.openxmlformats.org/officeDocument/2006/relationships/hyperlink" Target="https://shougai.bunkyo.ac.jp/" TargetMode="External"/><Relationship Id="rId47" Type="http://schemas.openxmlformats.org/officeDocument/2006/relationships/hyperlink" Target="https://www.pref.kanagawa.jp/docs/ch3/kagaku/index.html" TargetMode="External"/><Relationship Id="rId68" Type="http://schemas.openxmlformats.org/officeDocument/2006/relationships/hyperlink" Target="https://hodogaya-ibento-gallery.blogspot.com/2025/05/7.html" TargetMode="External"/><Relationship Id="rId89" Type="http://schemas.openxmlformats.org/officeDocument/2006/relationships/hyperlink" Target="https://www.nihonminkaen.jp/" TargetMode="External"/><Relationship Id="rId112" Type="http://schemas.openxmlformats.org/officeDocument/2006/relationships/hyperlink" Target="https://sites.google.com/sagamihara-kng.ed.jp/kazekko/" TargetMode="External"/><Relationship Id="rId133" Type="http://schemas.openxmlformats.org/officeDocument/2006/relationships/hyperlink" Target="http://www.sagamihara.kanagawa-park.or.jp/" TargetMode="External"/><Relationship Id="rId154" Type="http://schemas.openxmlformats.org/officeDocument/2006/relationships/hyperlink" Target="https://www.kanagawa-park.or.jp/tsukayama/" TargetMode="External"/><Relationship Id="rId175" Type="http://schemas.openxmlformats.org/officeDocument/2006/relationships/hyperlink" Target="https://nh.kanagawa-museum.jp/www/contents/1748499574853/index.html" TargetMode="External"/><Relationship Id="rId340" Type="http://schemas.openxmlformats.org/officeDocument/2006/relationships/hyperlink" Target="https://www.pref.kanagawa.jp/docs/vx6/kanatech_west/index.html" TargetMode="External"/><Relationship Id="rId196" Type="http://schemas.openxmlformats.org/officeDocument/2006/relationships/hyperlink" Target="https://www.pref.kanagawa.jp/docs/tz5/pub/r7-sailingkansen-taiken.html" TargetMode="External"/><Relationship Id="rId200" Type="http://schemas.openxmlformats.org/officeDocument/2006/relationships/hyperlink" Target="https://www.t-kougei.ac.jp/activity/extension/notice/" TargetMode="External"/><Relationship Id="rId16" Type="http://schemas.openxmlformats.org/officeDocument/2006/relationships/hyperlink" Target="https://www.ku-portsquare.jp/site/course/list/" TargetMode="External"/><Relationship Id="rId221" Type="http://schemas.openxmlformats.org/officeDocument/2006/relationships/hyperlink" Target="http://www.zamayatoyama.kanagawa-park.or.jp/" TargetMode="External"/><Relationship Id="rId242" Type="http://schemas.openxmlformats.org/officeDocument/2006/relationships/hyperlink" Target="www.city.ayase.kanagawa.jp/kanko_bunka_sports/bunka_geijutsu/ayasebunkageijutsusai/16021.html" TargetMode="External"/><Relationship Id="rId263" Type="http://schemas.openxmlformats.org/officeDocument/2006/relationships/hyperlink" Target="www,ayaselib.jp" TargetMode="External"/><Relationship Id="rId284" Type="http://schemas.openxmlformats.org/officeDocument/2006/relationships/hyperlink" Target="http://www.kanagawa-park.or.jp/tsuburano/" TargetMode="External"/><Relationship Id="rId319" Type="http://schemas.openxmlformats.org/officeDocument/2006/relationships/hyperlink" Target="https://www.yashima.ac.jp/univ/extension/course/2025/04/1-32-7.html" TargetMode="External"/><Relationship Id="rId37" Type="http://schemas.openxmlformats.org/officeDocument/2006/relationships/hyperlink" Target="https://www.ku-portsquare.jp/site/course/list/" TargetMode="External"/><Relationship Id="rId58" Type="http://schemas.openxmlformats.org/officeDocument/2006/relationships/hyperlink" Target="https://www.kaat.jp/d/don_quixote" TargetMode="External"/><Relationship Id="rId79" Type="http://schemas.openxmlformats.org/officeDocument/2006/relationships/hyperlink" Target="https://www.showa-u.ac.jp/society/ext_lect/yokohama.html" TargetMode="External"/><Relationship Id="rId102" Type="http://schemas.openxmlformats.org/officeDocument/2006/relationships/hyperlink" Target="https://www.tosei-showa-music.ac.jp/" TargetMode="External"/><Relationship Id="rId123" Type="http://schemas.openxmlformats.org/officeDocument/2006/relationships/hyperlink" Target="http://www.kanagawa-park.or.jp/tsukuikoshiroyama/" TargetMode="External"/><Relationship Id="rId144" Type="http://schemas.openxmlformats.org/officeDocument/2006/relationships/hyperlink" Target="https://www.museum.yokosuka.kanagawa.jp/archives/event/106034?view=future" TargetMode="External"/><Relationship Id="rId330" Type="http://schemas.openxmlformats.org/officeDocument/2006/relationships/hyperlink" Target="https://www.meijigakuin.ac.jp/about/activities/regionalalliances/platinum_college/2025/series_yokohama.html" TargetMode="External"/><Relationship Id="rId90" Type="http://schemas.openxmlformats.org/officeDocument/2006/relationships/hyperlink" Target="https://www.tosei-showa-music.ac.jp/" TargetMode="External"/><Relationship Id="rId165" Type="http://schemas.openxmlformats.org/officeDocument/2006/relationships/hyperlink" Target="https://www.s-n-p.jp/shonankaigan_park/news/2025yoga.html" TargetMode="External"/><Relationship Id="rId186" Type="http://schemas.openxmlformats.org/officeDocument/2006/relationships/hyperlink" Target="https://odawara-taikyo.or.jp/" TargetMode="External"/><Relationship Id="rId351" Type="http://schemas.openxmlformats.org/officeDocument/2006/relationships/hyperlink" Target="https://www.kanagawa-kenminhall.com/d/sagamiko_ballet_2025" TargetMode="External"/><Relationship Id="rId211" Type="http://schemas.openxmlformats.org/officeDocument/2006/relationships/hyperlink" Target="https://www.pref.kanagawa.jp/docs/ch3/kagaku/index.html" TargetMode="External"/><Relationship Id="rId232" Type="http://schemas.openxmlformats.org/officeDocument/2006/relationships/hyperlink" Target="http://www.k-mask.jp/21/" TargetMode="External"/><Relationship Id="rId253" Type="http://schemas.openxmlformats.org/officeDocument/2006/relationships/hyperlink" Target="https://www.city.ayase.kanagawa.jp/" TargetMode="External"/><Relationship Id="rId274" Type="http://schemas.openxmlformats.org/officeDocument/2006/relationships/hyperlink" Target="https://www.town.samukawa.kanagawa.jp/soshiki/kyoiku/shogaigakushu/shogaigakushu/event/1362480503130.html" TargetMode="External"/><Relationship Id="rId295" Type="http://schemas.openxmlformats.org/officeDocument/2006/relationships/hyperlink" Target="https://www.town.yugawara.kanagawa.jp/site/museum" TargetMode="External"/><Relationship Id="rId309" Type="http://schemas.openxmlformats.org/officeDocument/2006/relationships/hyperlink" Target="http://www.aikawa-park.jp/publics/index/37/" TargetMode="External"/><Relationship Id="rId27" Type="http://schemas.openxmlformats.org/officeDocument/2006/relationships/hyperlink" Target="https://www.ku-portsquare.jp/site/course/list/" TargetMode="External"/><Relationship Id="rId48" Type="http://schemas.openxmlformats.org/officeDocument/2006/relationships/hyperlink" Target="https://www.kanagawa-ongakudo.com/d/bavouzet" TargetMode="External"/><Relationship Id="rId69" Type="http://schemas.openxmlformats.org/officeDocument/2006/relationships/hyperlink" Target="https://www.kanagawa-park.or.jp/hodogaya/" TargetMode="External"/><Relationship Id="rId113" Type="http://schemas.openxmlformats.org/officeDocument/2006/relationships/hyperlink" Target="https://www.lib.sagamihara.kanagawa.jp/TOSHOW/asp/index.aspx" TargetMode="External"/><Relationship Id="rId134" Type="http://schemas.openxmlformats.org/officeDocument/2006/relationships/hyperlink" Target="http://www.sagamihara.kanagawa-park.or.jp/" TargetMode="External"/><Relationship Id="rId320" Type="http://schemas.openxmlformats.org/officeDocument/2006/relationships/hyperlink" Target="https://www.yashima.ac.jp/univ/extension/course/2025/05/-f.html" TargetMode="External"/><Relationship Id="rId80" Type="http://schemas.openxmlformats.org/officeDocument/2006/relationships/hyperlink" Target="https://www.yokohama-art.ac.jp/society" TargetMode="External"/><Relationship Id="rId155" Type="http://schemas.openxmlformats.org/officeDocument/2006/relationships/hyperlink" Target="https://www.kanagawa-kenminhall.com/d/yokosuka2025" TargetMode="External"/><Relationship Id="rId176" Type="http://schemas.openxmlformats.org/officeDocument/2006/relationships/hyperlink" Target="ttps://nh.kanagawa-museum.jp/www/contents/1748499597679/index.html" TargetMode="External"/><Relationship Id="rId197" Type="http://schemas.openxmlformats.org/officeDocument/2006/relationships/hyperlink" Target="https://www.pref.kanagawa.jp/docs/tz5/pub/r7-sailingkansen-taiken.html" TargetMode="External"/><Relationship Id="rId341" Type="http://schemas.openxmlformats.org/officeDocument/2006/relationships/hyperlink" Target="https://www.pref.kanagawa.jp/docs/vx6/kanatech_west/index.html" TargetMode="External"/><Relationship Id="rId201" Type="http://schemas.openxmlformats.org/officeDocument/2006/relationships/hyperlink" Target="https://www.pref.kanagawa.jp/docs/ch3/kagaku/index.html" TargetMode="External"/><Relationship Id="rId222" Type="http://schemas.openxmlformats.org/officeDocument/2006/relationships/hyperlink" Target="http://www.zamayatoyama.kanagawa-park.or.jp/" TargetMode="External"/><Relationship Id="rId243" Type="http://schemas.openxmlformats.org/officeDocument/2006/relationships/hyperlink" Target="www.city.ayase.kanagawa.jp/kanko_bunka_sports/bunka_geijutsu/ayasebunkageijutsusai/16021.html" TargetMode="External"/><Relationship Id="rId264" Type="http://schemas.openxmlformats.org/officeDocument/2006/relationships/hyperlink" Target="www,ayaselib.jp" TargetMode="External"/><Relationship Id="rId285" Type="http://schemas.openxmlformats.org/officeDocument/2006/relationships/hyperlink" Target="http://www.kanagawa-park.or.jp/tsuburano/" TargetMode="External"/><Relationship Id="rId17" Type="http://schemas.openxmlformats.org/officeDocument/2006/relationships/hyperlink" Target="https://www.ku-portsquare.jp/site/course/list/" TargetMode="External"/><Relationship Id="rId38" Type="http://schemas.openxmlformats.org/officeDocument/2006/relationships/hyperlink" Target="https://www.ku-portsquare.jp/site/course/list/" TargetMode="External"/><Relationship Id="rId59" Type="http://schemas.openxmlformats.org/officeDocument/2006/relationships/hyperlink" Target="https://www.kaat.jp/d/ena" TargetMode="External"/><Relationship Id="rId103" Type="http://schemas.openxmlformats.org/officeDocument/2006/relationships/hyperlink" Target="https://kawasaki-c-academy.jp/" TargetMode="External"/><Relationship Id="rId124" Type="http://schemas.openxmlformats.org/officeDocument/2006/relationships/hyperlink" Target="http://www.kanagawa-park.or.jp/tsukuikoshiroyama/" TargetMode="External"/><Relationship Id="rId310" Type="http://schemas.openxmlformats.org/officeDocument/2006/relationships/hyperlink" Target="http://www.aikawa-park.jp/publics/index/37/" TargetMode="External"/><Relationship Id="rId70" Type="http://schemas.openxmlformats.org/officeDocument/2006/relationships/hyperlink" Target="https://www.kanagawa-park.or.jp/hodogaya/" TargetMode="External"/><Relationship Id="rId91" Type="http://schemas.openxmlformats.org/officeDocument/2006/relationships/hyperlink" Target="https://www.tosei-showa-music.ac.jp/" TargetMode="External"/><Relationship Id="rId145" Type="http://schemas.openxmlformats.org/officeDocument/2006/relationships/hyperlink" Target="https://www.museum.yokosuka.kanagawa.jp/archives/event/106050?view=future" TargetMode="External"/><Relationship Id="rId166" Type="http://schemas.openxmlformats.org/officeDocument/2006/relationships/hyperlink" Target="https://www.s-n-p.jp/shonankaigan_park/news/" TargetMode="External"/><Relationship Id="rId187" Type="http://schemas.openxmlformats.org/officeDocument/2006/relationships/hyperlink" Target="https://www.city.odawara.kanagawa.jp/field/lifelong/youth/shidousyayousei/p39685.html" TargetMode="External"/><Relationship Id="rId331" Type="http://schemas.openxmlformats.org/officeDocument/2006/relationships/hyperlink" Target="https://seisa.ac.jp/" TargetMode="External"/><Relationship Id="rId352" Type="http://schemas.openxmlformats.org/officeDocument/2006/relationships/printerSettings" Target="../printerSettings/printerSettings1.bin"/><Relationship Id="rId1" Type="http://schemas.openxmlformats.org/officeDocument/2006/relationships/hyperlink" Target="https://www.kanagawa-park.or.jp/mitsuike/" TargetMode="External"/><Relationship Id="rId212" Type="http://schemas.openxmlformats.org/officeDocument/2006/relationships/hyperlink" Target="https://www.pref.kanagawa.jp/docs/ch3/kagaku/index.html" TargetMode="External"/><Relationship Id="rId233" Type="http://schemas.openxmlformats.org/officeDocument/2006/relationships/hyperlink" Target="http://www.k-mask.jp/21/" TargetMode="External"/><Relationship Id="rId254" Type="http://schemas.openxmlformats.org/officeDocument/2006/relationships/hyperlink" Target="https://www.city.ayase.kanagawa.jp/" TargetMode="External"/><Relationship Id="rId28" Type="http://schemas.openxmlformats.org/officeDocument/2006/relationships/hyperlink" Target="https://www.ku-portsquare.jp/site/course/list/" TargetMode="External"/><Relationship Id="rId49" Type="http://schemas.openxmlformats.org/officeDocument/2006/relationships/hyperlink" Target="https://www.kanagawa-ongakudo.com/d/dessay" TargetMode="External"/><Relationship Id="rId114" Type="http://schemas.openxmlformats.org/officeDocument/2006/relationships/hyperlink" Target="https://www.lib.sagamihara.kanagawa.jp/TOSHOW/asp/index.aspx" TargetMode="External"/><Relationship Id="rId275" Type="http://schemas.openxmlformats.org/officeDocument/2006/relationships/hyperlink" Target="https://www.kanagawa-park.or.jp/ooisojoyama/" TargetMode="External"/><Relationship Id="rId296" Type="http://schemas.openxmlformats.org/officeDocument/2006/relationships/hyperlink" Target="https://www.town.yugawara.kanagawa.jp/site/museum" TargetMode="External"/><Relationship Id="rId300" Type="http://schemas.openxmlformats.org/officeDocument/2006/relationships/hyperlink" Target="http://www.aikawa-park.jp/publics/index/37/" TargetMode="External"/><Relationship Id="rId60" Type="http://schemas.openxmlformats.org/officeDocument/2006/relationships/hyperlink" Target="https://www.kaat.jp/d/carcaca" TargetMode="External"/><Relationship Id="rId81" Type="http://schemas.openxmlformats.org/officeDocument/2006/relationships/hyperlink" Target="https://www.kanaloco.jp/kanacon/" TargetMode="External"/><Relationship Id="rId135" Type="http://schemas.openxmlformats.org/officeDocument/2006/relationships/hyperlink" Target="http://www.sagamihara.kanagawa-park.or.jp/" TargetMode="External"/><Relationship Id="rId156" Type="http://schemas.openxmlformats.org/officeDocument/2006/relationships/hyperlink" Target="https://www.u-tokai.ac.jp/collaboration/local/" TargetMode="External"/><Relationship Id="rId177" Type="http://schemas.openxmlformats.org/officeDocument/2006/relationships/hyperlink" Target="https://nh.kanagawa-museum.jp/www/contents/1748499632085/index.html" TargetMode="External"/><Relationship Id="rId198" Type="http://schemas.openxmlformats.org/officeDocument/2006/relationships/hyperlink" Target="http://www.city.miura.kanagawa.jp/shimin-index.html" TargetMode="External"/><Relationship Id="rId321" Type="http://schemas.openxmlformats.org/officeDocument/2006/relationships/hyperlink" Target="https://shougai.bunkyo.ac.jp/" TargetMode="External"/><Relationship Id="rId342" Type="http://schemas.openxmlformats.org/officeDocument/2006/relationships/hyperlink" Target="https://www.pref.kanagawa.jp/docs/vx6/kanatech_west/index.html" TargetMode="External"/><Relationship Id="rId202" Type="http://schemas.openxmlformats.org/officeDocument/2006/relationships/hyperlink" Target="https://www.pref.kanagawa.jp/docs/ch3/kagaku/index.html" TargetMode="External"/><Relationship Id="rId223" Type="http://schemas.openxmlformats.org/officeDocument/2006/relationships/hyperlink" Target="http://www.zamayatoyama.kanagawa-park.or.jp/" TargetMode="External"/><Relationship Id="rId244" Type="http://schemas.openxmlformats.org/officeDocument/2006/relationships/hyperlink" Target="www.city.ayase.kanagawa.jp/kanko_bunka_sports/bunka_geijutsu/ayasebunkageijutsusai/16021.html" TargetMode="External"/><Relationship Id="rId18" Type="http://schemas.openxmlformats.org/officeDocument/2006/relationships/hyperlink" Target="https://www.ku-portsquare.jp/site/course/list/" TargetMode="External"/><Relationship Id="rId39" Type="http://schemas.openxmlformats.org/officeDocument/2006/relationships/hyperlink" Target="https://www.ku-portsquare.jp/site/course/list/" TargetMode="External"/><Relationship Id="rId265" Type="http://schemas.openxmlformats.org/officeDocument/2006/relationships/hyperlink" Target="www,ayaselib.jp" TargetMode="External"/><Relationship Id="rId286" Type="http://schemas.openxmlformats.org/officeDocument/2006/relationships/hyperlink" Target="https://ktm.or.jp/event/25k-11/" TargetMode="External"/><Relationship Id="rId50" Type="http://schemas.openxmlformats.org/officeDocument/2006/relationships/hyperlink" Target="https://www.kanagawa-ongakudo.com/d/otona2025" TargetMode="External"/><Relationship Id="rId104" Type="http://schemas.openxmlformats.org/officeDocument/2006/relationships/hyperlink" Target="https://www.tosei-showa-music.ac.jp/" TargetMode="External"/><Relationship Id="rId125" Type="http://schemas.openxmlformats.org/officeDocument/2006/relationships/hyperlink" Target="http://www.kanagawa-park.or.jp/tsukuikoshiroyama/" TargetMode="External"/><Relationship Id="rId146" Type="http://schemas.openxmlformats.org/officeDocument/2006/relationships/hyperlink" Target="https://www.museum.yokosuka.kanagawa.jp/archives/event/105988?view=future" TargetMode="External"/><Relationship Id="rId167" Type="http://schemas.openxmlformats.org/officeDocument/2006/relationships/hyperlink" Target="https://www.s-n-p.jp/shonankaigan_park/news/2025yoga.html" TargetMode="External"/><Relationship Id="rId188" Type="http://schemas.openxmlformats.org/officeDocument/2006/relationships/hyperlink" Target="https://www.kanagawa-swf.or.jp/" TargetMode="External"/><Relationship Id="rId311" Type="http://schemas.openxmlformats.org/officeDocument/2006/relationships/hyperlink" Target="https://www.senzoku-concert.jp/" TargetMode="External"/><Relationship Id="rId332" Type="http://schemas.openxmlformats.org/officeDocument/2006/relationships/hyperlink" Target="https://www.pref.kanagawa.jp/docs/u5t/collabo/collabo_year.html" TargetMode="External"/><Relationship Id="rId71" Type="http://schemas.openxmlformats.org/officeDocument/2006/relationships/hyperlink" Target="https://www.kanagawa-arthall.jp/event/5207/" TargetMode="External"/><Relationship Id="rId92" Type="http://schemas.openxmlformats.org/officeDocument/2006/relationships/hyperlink" Target="https://www.tosei-showa-music.ac.jp/admission/" TargetMode="External"/><Relationship Id="rId213" Type="http://schemas.openxmlformats.org/officeDocument/2006/relationships/hyperlink" Target="https://www.kanagawa-park.or.jp/sagamisansen/" TargetMode="External"/><Relationship Id="rId234" Type="http://schemas.openxmlformats.org/officeDocument/2006/relationships/hyperlink" Target="https://ktm.or.jp/event/25k-10/" TargetMode="External"/><Relationship Id="rId2" Type="http://schemas.openxmlformats.org/officeDocument/2006/relationships/hyperlink" Target="https://www.kanagawa-park.or.jp/mitsuike/" TargetMode="External"/><Relationship Id="rId29" Type="http://schemas.openxmlformats.org/officeDocument/2006/relationships/hyperlink" Target="https://www.ku-portsquare.jp/site/course/list/" TargetMode="External"/><Relationship Id="rId255" Type="http://schemas.openxmlformats.org/officeDocument/2006/relationships/hyperlink" Target="www,ayaselib.jp" TargetMode="External"/><Relationship Id="rId276" Type="http://schemas.openxmlformats.org/officeDocument/2006/relationships/hyperlink" Target="https://www.kanagawa-park.or.jp/ooisojoyama/" TargetMode="External"/><Relationship Id="rId297" Type="http://schemas.openxmlformats.org/officeDocument/2006/relationships/hyperlink" Target="http://www.aikawa-park.jp/publics/index/94/" TargetMode="External"/><Relationship Id="rId40" Type="http://schemas.openxmlformats.org/officeDocument/2006/relationships/hyperlink" Target="https://www.ku-portsquare.jp/site/course/list/" TargetMode="External"/><Relationship Id="rId115" Type="http://schemas.openxmlformats.org/officeDocument/2006/relationships/hyperlink" Target="https://www.lib.sagamihara.kanagawa.jp/TOSHOW/asp/index.aspx" TargetMode="External"/><Relationship Id="rId136" Type="http://schemas.openxmlformats.org/officeDocument/2006/relationships/hyperlink" Target="http://www.sagamihara.kanagawa-park.or.jp/" TargetMode="External"/><Relationship Id="rId157" Type="http://schemas.openxmlformats.org/officeDocument/2006/relationships/hyperlink" Target="https://www.kanagawa-swf.or.jp/" TargetMode="External"/><Relationship Id="rId178" Type="http://schemas.openxmlformats.org/officeDocument/2006/relationships/hyperlink" Target="https://nh.kanagawa-museum.jp/www/contents/1748499669133/index.html" TargetMode="External"/><Relationship Id="rId301" Type="http://schemas.openxmlformats.org/officeDocument/2006/relationships/hyperlink" Target="http://www.aikawa-park.jp/publics/index/37/" TargetMode="External"/><Relationship Id="rId322" Type="http://schemas.openxmlformats.org/officeDocument/2006/relationships/hyperlink" Target="https://shougai.bunkyo.ac.jp/" TargetMode="External"/><Relationship Id="rId343" Type="http://schemas.openxmlformats.org/officeDocument/2006/relationships/hyperlink" Target="https://www.pref.kanagawa.jp/docs/vx6/kanatech_west/index.html" TargetMode="External"/><Relationship Id="rId61" Type="http://schemas.openxmlformats.org/officeDocument/2006/relationships/hyperlink" Target="https://www.kaat.jp/news_detail/2759" TargetMode="External"/><Relationship Id="rId82" Type="http://schemas.openxmlformats.org/officeDocument/2006/relationships/hyperlink" Target="https://www.yokohama-cu.ac.jp/kihara/event/index.html" TargetMode="External"/><Relationship Id="rId199" Type="http://schemas.openxmlformats.org/officeDocument/2006/relationships/hyperlink" Target="http://www.city.miura.kanagawa.jp/shimin-index.html" TargetMode="External"/><Relationship Id="rId203" Type="http://schemas.openxmlformats.org/officeDocument/2006/relationships/hyperlink" Target="https://www.pref.kanagawa.jp/docs/ch3/kagaku/index.html" TargetMode="External"/><Relationship Id="rId19" Type="http://schemas.openxmlformats.org/officeDocument/2006/relationships/hyperlink" Target="https://www.ku-portsquare.jp/site/course/list/" TargetMode="External"/><Relationship Id="rId224" Type="http://schemas.openxmlformats.org/officeDocument/2006/relationships/hyperlink" Target="http://www.zamayatoyama.kanagawa-park.or.jp/" TargetMode="External"/><Relationship Id="rId245" Type="http://schemas.openxmlformats.org/officeDocument/2006/relationships/hyperlink" Target="www.city.ayase.kanagawa.jp/kanko_bunka_sports/bunka_geijutsu/shiminhoruconcert/11123.html" TargetMode="External"/><Relationship Id="rId266" Type="http://schemas.openxmlformats.org/officeDocument/2006/relationships/hyperlink" Target="www,ayaselib.jp" TargetMode="External"/><Relationship Id="rId287" Type="http://schemas.openxmlformats.org/officeDocument/2006/relationships/hyperlink" Target="https://ktm.or.jp/event/25k-14/" TargetMode="External"/><Relationship Id="rId30" Type="http://schemas.openxmlformats.org/officeDocument/2006/relationships/hyperlink" Target="https://www.ku-portsquare.jp/site/course/list/" TargetMode="External"/><Relationship Id="rId105" Type="http://schemas.openxmlformats.org/officeDocument/2006/relationships/hyperlink" Target="https://www.tosei-showa-music.ac.jp/admission/" TargetMode="External"/><Relationship Id="rId126" Type="http://schemas.openxmlformats.org/officeDocument/2006/relationships/hyperlink" Target="http://www.kanagawa-park.or.jp/tsukuikoshiroyama/" TargetMode="External"/><Relationship Id="rId147" Type="http://schemas.openxmlformats.org/officeDocument/2006/relationships/hyperlink" Target="https://www.museum.yokosuka.kanagawa.jp/archives/event/105998?view=future" TargetMode="External"/><Relationship Id="rId168" Type="http://schemas.openxmlformats.org/officeDocument/2006/relationships/hyperlink" Target="https://www.s-n-p.jp/shonankaigan_park/news/" TargetMode="External"/><Relationship Id="rId312" Type="http://schemas.openxmlformats.org/officeDocument/2006/relationships/hyperlink" Target="https://univ.kanto-gakuin.ac.jp/education/open-lecture/information.html" TargetMode="External"/><Relationship Id="rId333" Type="http://schemas.openxmlformats.org/officeDocument/2006/relationships/hyperlink" Target="https://www.pref.kanagawa.jp/docs/ar3/cnt/f6656/" TargetMode="External"/><Relationship Id="rId51" Type="http://schemas.openxmlformats.org/officeDocument/2006/relationships/hyperlink" Target="http://www.pref.kanagawa.jp/docs/yi4/dentougeinou/bunraku2025.html" TargetMode="External"/><Relationship Id="rId72" Type="http://schemas.openxmlformats.org/officeDocument/2006/relationships/hyperlink" Target="https://archives.pref.kanagawa.jp/" TargetMode="External"/><Relationship Id="rId93" Type="http://schemas.openxmlformats.org/officeDocument/2006/relationships/hyperlink" Target="https://www.tosei-showa-music.ac.jp/" TargetMode="External"/><Relationship Id="rId189" Type="http://schemas.openxmlformats.org/officeDocument/2006/relationships/hyperlink" Target="https://ktm.or.jp/event/25k-12/" TargetMode="External"/><Relationship Id="rId3" Type="http://schemas.openxmlformats.org/officeDocument/2006/relationships/hyperlink" Target="https://www.kanagawa-park.or.jp/mitsuike/" TargetMode="External"/><Relationship Id="rId214" Type="http://schemas.openxmlformats.org/officeDocument/2006/relationships/hyperlink" Target="https://www.kanagawa-park.or.jp/sagamisansen/" TargetMode="External"/><Relationship Id="rId235" Type="http://schemas.openxmlformats.org/officeDocument/2006/relationships/hyperlink" Target="www.city.ayase.kanagawa.jp/kanko_bunka_sports/bunka_geijutsu/ayasebunkageijutsusai/16021.html" TargetMode="External"/><Relationship Id="rId256" Type="http://schemas.openxmlformats.org/officeDocument/2006/relationships/hyperlink" Target="www,ayaselib.jp" TargetMode="External"/><Relationship Id="rId277" Type="http://schemas.openxmlformats.org/officeDocument/2006/relationships/hyperlink" Target="https://www.kanagawa-park.or.jp/ooisojoyama/" TargetMode="External"/><Relationship Id="rId298" Type="http://schemas.openxmlformats.org/officeDocument/2006/relationships/hyperlink" Target="http://www.aikawa-park.jp/publics/index/94/" TargetMode="External"/><Relationship Id="rId116" Type="http://schemas.openxmlformats.org/officeDocument/2006/relationships/hyperlink" Target="https://www.sagamihara-kouminkan.jp/f-chuuou-k/" TargetMode="External"/><Relationship Id="rId137" Type="http://schemas.openxmlformats.org/officeDocument/2006/relationships/hyperlink" Target="http://www.sagamihara.kanagawa-park.or.jp/" TargetMode="External"/><Relationship Id="rId158" Type="http://schemas.openxmlformats.org/officeDocument/2006/relationships/hyperlink" Target="https://shoryosai.shonan-it.ac.jp/" TargetMode="External"/><Relationship Id="rId302" Type="http://schemas.openxmlformats.org/officeDocument/2006/relationships/hyperlink" Target="http://www.aikawa-park.jp/publics/index/37/" TargetMode="External"/><Relationship Id="rId323" Type="http://schemas.openxmlformats.org/officeDocument/2006/relationships/hyperlink" Target="https://shougai.bunkyo.ac.jp/" TargetMode="External"/><Relationship Id="rId344" Type="http://schemas.openxmlformats.org/officeDocument/2006/relationships/hyperlink" Target="https://www.pref.kanagawa.jp/docs/vx6/kanatech_west/index.html" TargetMode="External"/><Relationship Id="rId20" Type="http://schemas.openxmlformats.org/officeDocument/2006/relationships/hyperlink" Target="https://www.ku-portsquare.jp/site/course/list/" TargetMode="External"/><Relationship Id="rId41" Type="http://schemas.openxmlformats.org/officeDocument/2006/relationships/hyperlink" Target="https://www.ku-portsquare.jp/site/course/list/" TargetMode="External"/><Relationship Id="rId62" Type="http://schemas.openxmlformats.org/officeDocument/2006/relationships/hyperlink" Target="https://www.city.yokohama.lg.jp/kurashi/kyodo-manabi/library/tshokan/konan/oshirase.html" TargetMode="External"/><Relationship Id="rId83" Type="http://schemas.openxmlformats.org/officeDocument/2006/relationships/hyperlink" Target="https://kanagawa-park.or.jp/sakaigawa/" TargetMode="External"/><Relationship Id="rId179" Type="http://schemas.openxmlformats.org/officeDocument/2006/relationships/hyperlink" Target="https://nh.kanagawa-museum.jp/www/contents/1748499711336/index.html" TargetMode="External"/><Relationship Id="rId190" Type="http://schemas.openxmlformats.org/officeDocument/2006/relationships/hyperlink" Target="https://www.kanagawaparks.com/suwanohara/" TargetMode="External"/><Relationship Id="rId204" Type="http://schemas.openxmlformats.org/officeDocument/2006/relationships/hyperlink" Target="https://www.kanagawa-park.or.jp/nanasawa/event.html" TargetMode="External"/><Relationship Id="rId225" Type="http://schemas.openxmlformats.org/officeDocument/2006/relationships/hyperlink" Target="http://anycolor360.sakura.ne.jp/hui_hua_jiao_shidan_caisuketchiwu_waisuketchiatorie_zhong_songxiang_mo_da_ye_yi_qian/dan_caisuketchi.html" TargetMode="External"/><Relationship Id="rId246" Type="http://schemas.openxmlformats.org/officeDocument/2006/relationships/hyperlink" Target="www.city.ayase.kanagawa.jp/kanko_bunka_sports/bunka_geijutsu/shiminhoruconcert/11123.html" TargetMode="External"/><Relationship Id="rId267" Type="http://schemas.openxmlformats.org/officeDocument/2006/relationships/hyperlink" Target="www,ayaselib.jp" TargetMode="External"/><Relationship Id="rId288" Type="http://schemas.openxmlformats.org/officeDocument/2006/relationships/hyperlink" Target="https://www.kanagawa-park.or.jp/onsisite/" TargetMode="External"/><Relationship Id="rId106" Type="http://schemas.openxmlformats.org/officeDocument/2006/relationships/hyperlink" Target="https://www.tosei-showa-music.ac.jp/" TargetMode="External"/><Relationship Id="rId127" Type="http://schemas.openxmlformats.org/officeDocument/2006/relationships/hyperlink" Target="https://www.e-sagamihara.com/playing/playing-216/" TargetMode="External"/><Relationship Id="rId313" Type="http://schemas.openxmlformats.org/officeDocument/2006/relationships/hyperlink" Target="https://jiesofficial.com/" TargetMode="External"/><Relationship Id="rId10" Type="http://schemas.openxmlformats.org/officeDocument/2006/relationships/hyperlink" Target="https://www.ku-portsquare.jp/site/course/list/" TargetMode="External"/><Relationship Id="rId31" Type="http://schemas.openxmlformats.org/officeDocument/2006/relationships/hyperlink" Target="https://www.ku-portsquare.jp/site/course/list/" TargetMode="External"/><Relationship Id="rId52" Type="http://schemas.openxmlformats.org/officeDocument/2006/relationships/hyperlink" Target="https://newspark.jp/" TargetMode="External"/><Relationship Id="rId73" Type="http://schemas.openxmlformats.org/officeDocument/2006/relationships/hyperlink" Target="https://archives.pref.kanagawa.jp/" TargetMode="External"/><Relationship Id="rId94" Type="http://schemas.openxmlformats.org/officeDocument/2006/relationships/hyperlink" Target="https://www.tosei-showa-music.ac.jp/" TargetMode="External"/><Relationship Id="rId148" Type="http://schemas.openxmlformats.org/officeDocument/2006/relationships/hyperlink" Target="https://www.museum.yokosuka.kanagawa.jp/archives/event/106002?view=future" TargetMode="External"/><Relationship Id="rId169" Type="http://schemas.openxmlformats.org/officeDocument/2006/relationships/hyperlink" Target="https://www.kanagawa-kenminhall.com/d/opera_fujisawa" TargetMode="External"/><Relationship Id="rId334" Type="http://schemas.openxmlformats.org/officeDocument/2006/relationships/hyperlink" Target="https://www.pref.kanagawa.jp/docs/ar3/cnt/f6656/" TargetMode="External"/><Relationship Id="rId4" Type="http://schemas.openxmlformats.org/officeDocument/2006/relationships/hyperlink" Target="https://ssl.smart-academy.net/ycu/course/detail/789/" TargetMode="External"/><Relationship Id="rId180" Type="http://schemas.openxmlformats.org/officeDocument/2006/relationships/hyperlink" Target="https://nh.kanagawa-museum.jp/www/contents/1748499911089/index.html" TargetMode="External"/><Relationship Id="rId215" Type="http://schemas.openxmlformats.org/officeDocument/2006/relationships/hyperlink" Target="https://www.kanagawa-park.or.jp/sagamisansen/" TargetMode="External"/><Relationship Id="rId236" Type="http://schemas.openxmlformats.org/officeDocument/2006/relationships/hyperlink" Target="www.city.ayase.kanagawa.jp/kanko_bunka_sports/bunka_geijutsu/ayasebunkageijutsusai/16021.html" TargetMode="External"/><Relationship Id="rId257" Type="http://schemas.openxmlformats.org/officeDocument/2006/relationships/hyperlink" Target="www,ayaselib.jp" TargetMode="External"/><Relationship Id="rId278" Type="http://schemas.openxmlformats.org/officeDocument/2006/relationships/hyperlink" Target="https://www.kanagawa-park.or.jp/ooisojoyama/" TargetMode="External"/><Relationship Id="rId303" Type="http://schemas.openxmlformats.org/officeDocument/2006/relationships/hyperlink" Target="http://www.aikawa-park.jp/publics/index/37/" TargetMode="External"/><Relationship Id="rId42" Type="http://schemas.openxmlformats.org/officeDocument/2006/relationships/hyperlink" Target="https://www.ku-portsquare.jp/site/course/list/" TargetMode="External"/><Relationship Id="rId84" Type="http://schemas.openxmlformats.org/officeDocument/2006/relationships/hyperlink" Target="https://kanagawa-park.or.jp/sakaigawa/" TargetMode="External"/><Relationship Id="rId138" Type="http://schemas.openxmlformats.org/officeDocument/2006/relationships/hyperlink" Target="http://www.sagamihara.kanagawa-park.or.jp/" TargetMode="External"/><Relationship Id="rId345" Type="http://schemas.openxmlformats.org/officeDocument/2006/relationships/hyperlink" Target="https://www.pref.kanagawa.jp/docs/vx6/kanatech_west/index.html" TargetMode="External"/><Relationship Id="rId191" Type="http://schemas.openxmlformats.org/officeDocument/2006/relationships/hyperlink" Target="https://www.kanagawaparks.com/suwanohara/" TargetMode="External"/><Relationship Id="rId205" Type="http://schemas.openxmlformats.org/officeDocument/2006/relationships/hyperlink" Target="https://www.kanagawa-park.or.jp/nanasawa/event.html" TargetMode="External"/><Relationship Id="rId247" Type="http://schemas.openxmlformats.org/officeDocument/2006/relationships/hyperlink" Target="www.city.ayase.kanagawa.jp/kanko_bunka_sports/bunka_geijutsu/shiminhoruconcert/11123.html" TargetMode="External"/><Relationship Id="rId107" Type="http://schemas.openxmlformats.org/officeDocument/2006/relationships/hyperlink" Target="https://www.tosei-showa-music.ac.jp/" TargetMode="External"/><Relationship Id="rId289" Type="http://schemas.openxmlformats.org/officeDocument/2006/relationships/hyperlink" Target="https://ktm.or.jp/event/25k-13/" TargetMode="External"/><Relationship Id="rId11" Type="http://schemas.openxmlformats.org/officeDocument/2006/relationships/hyperlink" Target="https://www.ku-portsquare.jp/site/course/list/" TargetMode="External"/><Relationship Id="rId53" Type="http://schemas.openxmlformats.org/officeDocument/2006/relationships/hyperlink" Target="https://www.yokohama-seikokai.org/" TargetMode="External"/><Relationship Id="rId149" Type="http://schemas.openxmlformats.org/officeDocument/2006/relationships/hyperlink" Target="https://www.kanagawa-park.or.jp/kannonzaki/" TargetMode="External"/><Relationship Id="rId314" Type="http://schemas.openxmlformats.org/officeDocument/2006/relationships/hyperlink" Target="https://www.yashima.ac.jp/univ/extension/course/2025/03/post-629.html" TargetMode="External"/><Relationship Id="rId95" Type="http://schemas.openxmlformats.org/officeDocument/2006/relationships/hyperlink" Target="https://www.tosei-showa-music.ac.jp/" TargetMode="External"/><Relationship Id="rId160" Type="http://schemas.openxmlformats.org/officeDocument/2006/relationships/hyperlink" Target="https://f-mirai.jp/archives/103778" TargetMode="External"/><Relationship Id="rId216" Type="http://schemas.openxmlformats.org/officeDocument/2006/relationships/hyperlink" Target="https://www.kanagawa-park.or.jp/sagamisansen/" TargetMode="External"/><Relationship Id="rId258" Type="http://schemas.openxmlformats.org/officeDocument/2006/relationships/hyperlink" Target="www,ayaselib.jp" TargetMode="External"/><Relationship Id="rId22" Type="http://schemas.openxmlformats.org/officeDocument/2006/relationships/hyperlink" Target="https://www.ku-portsquare.jp/site/course/list/" TargetMode="External"/><Relationship Id="rId64" Type="http://schemas.openxmlformats.org/officeDocument/2006/relationships/hyperlink" Target="https://www.city.yokohama.lg.jp/kurashi/kyodo-manabi/library/tshokan/konan/oshirase.html" TargetMode="External"/><Relationship Id="rId118" Type="http://schemas.openxmlformats.org/officeDocument/2006/relationships/hyperlink" Target="https://www.fujino-art.jp/" TargetMode="External"/><Relationship Id="rId325" Type="http://schemas.openxmlformats.org/officeDocument/2006/relationships/hyperlink" Target="https://shougai.bunkyo.ac.jp/" TargetMode="External"/><Relationship Id="rId171" Type="http://schemas.openxmlformats.org/officeDocument/2006/relationships/hyperlink" Target="https://nh.kanagawa-museum.jp/www/contents/1745634174267/index.html" TargetMode="External"/><Relationship Id="rId227" Type="http://schemas.openxmlformats.org/officeDocument/2006/relationships/hyperlink" Target="http://www.zamayatoyama.kanagawa-park.or.jp/" TargetMode="External"/><Relationship Id="rId269" Type="http://schemas.openxmlformats.org/officeDocument/2006/relationships/hyperlink" Target="www,ayaselib.jp" TargetMode="External"/><Relationship Id="rId33" Type="http://schemas.openxmlformats.org/officeDocument/2006/relationships/hyperlink" Target="https://www.ku-portsquare.jp/site/course/list/" TargetMode="External"/><Relationship Id="rId129" Type="http://schemas.openxmlformats.org/officeDocument/2006/relationships/hyperlink" Target="https://www.joshibi.net/museum/jam/2025/Josyu.html" TargetMode="External"/><Relationship Id="rId280" Type="http://schemas.openxmlformats.org/officeDocument/2006/relationships/hyperlink" Target="http://www.kanagawa-park.or.jp/tsuburano/" TargetMode="External"/><Relationship Id="rId336" Type="http://schemas.openxmlformats.org/officeDocument/2006/relationships/hyperlink" Target="https://odawara2dm.com/" TargetMode="External"/><Relationship Id="rId75" Type="http://schemas.openxmlformats.org/officeDocument/2006/relationships/hyperlink" Target="https://archives.pref.kanagawa.jp/" TargetMode="External"/><Relationship Id="rId140" Type="http://schemas.openxmlformats.org/officeDocument/2006/relationships/hyperlink" Target="https://www.yokosuka-lib.jp/" TargetMode="External"/><Relationship Id="rId182" Type="http://schemas.openxmlformats.org/officeDocument/2006/relationships/hyperlink" Target="https://nh.kanagawa-museum.jp/www/contents/1748499989102/index.html" TargetMode="External"/><Relationship Id="rId6" Type="http://schemas.openxmlformats.org/officeDocument/2006/relationships/hyperlink" Target="https://ssl.smart-academy.net/ycu/course/detail/810/" TargetMode="External"/><Relationship Id="rId238" Type="http://schemas.openxmlformats.org/officeDocument/2006/relationships/hyperlink" Target="www.city.ayase.kanagawa.jp/kanko_bunka_sports/bunka_geijutsu/ayasebunkageijutsusai/16021.html" TargetMode="External"/><Relationship Id="rId291" Type="http://schemas.openxmlformats.org/officeDocument/2006/relationships/hyperlink" Target="https://www.town.yugawara.kanagawa.jp/site/tosyokan/1824.html" TargetMode="External"/><Relationship Id="rId305" Type="http://schemas.openxmlformats.org/officeDocument/2006/relationships/hyperlink" Target="http://www.aikawa-park.jp/publics/index/37/" TargetMode="External"/><Relationship Id="rId347" Type="http://schemas.openxmlformats.org/officeDocument/2006/relationships/hyperlink" Target="https://www.pref.kanagawa.jp/docs/ch3/kagaku/index.html" TargetMode="External"/><Relationship Id="rId44" Type="http://schemas.openxmlformats.org/officeDocument/2006/relationships/hyperlink" Target="https://www.ku-portsquare.jp/site/course/list/" TargetMode="External"/><Relationship Id="rId86" Type="http://schemas.openxmlformats.org/officeDocument/2006/relationships/hyperlink" Target="https://kanagawa-park.or.jp/sakaigawa/" TargetMode="External"/><Relationship Id="rId151" Type="http://schemas.openxmlformats.org/officeDocument/2006/relationships/hyperlink" Target="https://www.kanagawa-park.or.jp/kannonzaki/" TargetMode="External"/><Relationship Id="rId193" Type="http://schemas.openxmlformats.org/officeDocument/2006/relationships/hyperlink" Target="https://www.kanagawaparks.com/suwanohara/" TargetMode="External"/><Relationship Id="rId207" Type="http://schemas.openxmlformats.org/officeDocument/2006/relationships/hyperlink" Target="https://www.city.yamato.lg.jp/gyosei/soshik/2017/bunka_geijutsu/bunka_geizyutu_zigyou/4088.html" TargetMode="External"/><Relationship Id="rId249" Type="http://schemas.openxmlformats.org/officeDocument/2006/relationships/hyperlink" Target="www,ayaselib.jp" TargetMode="External"/><Relationship Id="rId13" Type="http://schemas.openxmlformats.org/officeDocument/2006/relationships/hyperlink" Target="https://www.ku-portsquare.jp/site/course/list/" TargetMode="External"/><Relationship Id="rId109" Type="http://schemas.openxmlformats.org/officeDocument/2006/relationships/hyperlink" Target="https://www.tosei-showa-music.ac.jp/" TargetMode="External"/><Relationship Id="rId260" Type="http://schemas.openxmlformats.org/officeDocument/2006/relationships/hyperlink" Target="www,ayaselib.jp" TargetMode="External"/><Relationship Id="rId316" Type="http://schemas.openxmlformats.org/officeDocument/2006/relationships/hyperlink" Target="https://www.yashima.ac.jp/univ/extension/course/2025/05/-2025-4.html" TargetMode="External"/><Relationship Id="rId55" Type="http://schemas.openxmlformats.org/officeDocument/2006/relationships/hyperlink" Target="https://ferris-concert.studio.site/posts/251010chapel" TargetMode="External"/><Relationship Id="rId97" Type="http://schemas.openxmlformats.org/officeDocument/2006/relationships/hyperlink" Target="https://kawasaki-c-academy.jp/" TargetMode="External"/><Relationship Id="rId120" Type="http://schemas.openxmlformats.org/officeDocument/2006/relationships/hyperlink" Target="http://www.kanagawa-park.or.jp/tsukuikoshiroyama/" TargetMode="External"/><Relationship Id="rId162" Type="http://schemas.openxmlformats.org/officeDocument/2006/relationships/hyperlink" Target="https://www.pref.kanagawa.jp/docs/tz5/cnt/f6135/index.html" TargetMode="External"/><Relationship Id="rId218" Type="http://schemas.openxmlformats.org/officeDocument/2006/relationships/hyperlink" Target="https://www.city.zama.kanagawa.jp/event/kyoiku/1001635/index.html" TargetMode="External"/><Relationship Id="rId271" Type="http://schemas.openxmlformats.org/officeDocument/2006/relationships/hyperlink" Target="https://www.ayase-manavi.net/event/" TargetMode="External"/><Relationship Id="rId24" Type="http://schemas.openxmlformats.org/officeDocument/2006/relationships/hyperlink" Target="https://www.ku-portsquare.jp/site/course/list/" TargetMode="External"/><Relationship Id="rId66" Type="http://schemas.openxmlformats.org/officeDocument/2006/relationships/hyperlink" Target="https://www.city.yokohama.lg.jp/kurashi/kyodo-manabi/library/tshokan/konan/oshirase.html" TargetMode="External"/><Relationship Id="rId131" Type="http://schemas.openxmlformats.org/officeDocument/2006/relationships/hyperlink" Target="https://www.lib.sagamihara.kanagawa.jp/" TargetMode="External"/><Relationship Id="rId327" Type="http://schemas.openxmlformats.org/officeDocument/2006/relationships/hyperlink" Target="https://shougai.bunkyo.ac.jp/" TargetMode="External"/><Relationship Id="rId173" Type="http://schemas.openxmlformats.org/officeDocument/2006/relationships/hyperlink" Target="https://nh.kanagawa-museum.jp/www/contents/1745641563098/index.html" TargetMode="External"/><Relationship Id="rId229" Type="http://schemas.openxmlformats.org/officeDocument/2006/relationships/hyperlink" Target="http://www.zamayatoyama.kanagawa-park.or.jp/" TargetMode="External"/><Relationship Id="rId240" Type="http://schemas.openxmlformats.org/officeDocument/2006/relationships/hyperlink" Target="www.city.ayase.kanagawa.jp/kanko_bunka_sports/bunka_geijutsu/ayasebunkageijutsusai/16021.html" TargetMode="External"/><Relationship Id="rId35" Type="http://schemas.openxmlformats.org/officeDocument/2006/relationships/hyperlink" Target="https://www.ku-portsquare.jp/site/course/list/" TargetMode="External"/><Relationship Id="rId77" Type="http://schemas.openxmlformats.org/officeDocument/2006/relationships/hyperlink" Target="https://ssl.smart-academy.net/ycu/course/detail/792/" TargetMode="External"/><Relationship Id="rId100" Type="http://schemas.openxmlformats.org/officeDocument/2006/relationships/hyperlink" Target="https://www.tosei-showa-music.ac.jp/" TargetMode="External"/><Relationship Id="rId282" Type="http://schemas.openxmlformats.org/officeDocument/2006/relationships/hyperlink" Target="http://www.kanagawa-park.or.jp/tsuburano/" TargetMode="External"/><Relationship Id="rId338" Type="http://schemas.openxmlformats.org/officeDocument/2006/relationships/hyperlink" Target="https://www.pref.kanagawa.jp/docs/b4f/index.html" TargetMode="External"/></Relationships>
</file>

<file path=xl/worksheets/_rels/sheet10.xml.rels><?xml version="1.0" encoding="UTF-8" standalone="yes"?>
<Relationships xmlns="http://schemas.openxmlformats.org/package/2006/relationships"><Relationship Id="rId2" Type="http://schemas.openxmlformats.org/officeDocument/2006/relationships/printerSettings" Target="../printerSettings/printerSettings10.bin"/><Relationship Id="rId1" Type="http://schemas.openxmlformats.org/officeDocument/2006/relationships/hyperlink" Target="https://www.kanagawa-park.or.jp/satoyama/" TargetMode="External"/></Relationships>
</file>

<file path=xl/worksheets/_rels/sheet11.xml.rels><?xml version="1.0" encoding="UTF-8" standalone="yes"?>
<Relationships xmlns="http://schemas.openxmlformats.org/package/2006/relationships"><Relationship Id="rId3" Type="http://schemas.openxmlformats.org/officeDocument/2006/relationships/hyperlink" Target="https://www.city.zushi.kanagawa.jp/shiminkatsudo/bunkazai/1004537/1007768.html" TargetMode="External"/><Relationship Id="rId2" Type="http://schemas.openxmlformats.org/officeDocument/2006/relationships/hyperlink" Target="https://www.pref.kanagawa.jp/docs/tz5/pub/r7-sailingkansen-taiken.html" TargetMode="External"/><Relationship Id="rId1" Type="http://schemas.openxmlformats.org/officeDocument/2006/relationships/hyperlink" Target="https://www.pref.kanagawa.jp/docs/tz5/pub/r7-sailingkansen-taiken.html" TargetMode="External"/><Relationship Id="rId4"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3" Type="http://schemas.openxmlformats.org/officeDocument/2006/relationships/printerSettings" Target="../printerSettings/printerSettings12.bin"/><Relationship Id="rId2" Type="http://schemas.openxmlformats.org/officeDocument/2006/relationships/hyperlink" Target="http://www.city.miura.kanagawa.jp/shimin-index.html" TargetMode="External"/><Relationship Id="rId1" Type="http://schemas.openxmlformats.org/officeDocument/2006/relationships/hyperlink" Target="http://www.city.miura.kanagawa.jp/shimin-index.html" TargetMode="External"/></Relationships>
</file>

<file path=xl/worksheets/_rels/sheet13.xml.rels><?xml version="1.0" encoding="UTF-8" standalone="yes"?>
<Relationships xmlns="http://schemas.openxmlformats.org/package/2006/relationships"><Relationship Id="rId8" Type="http://schemas.openxmlformats.org/officeDocument/2006/relationships/printerSettings" Target="../printerSettings/printerSettings13.bin"/><Relationship Id="rId3" Type="http://schemas.openxmlformats.org/officeDocument/2006/relationships/hyperlink" Target="https://www.pref.kanagawa.jp/docs/ch3/kagaku/index.html" TargetMode="External"/><Relationship Id="rId7" Type="http://schemas.openxmlformats.org/officeDocument/2006/relationships/hyperlink" Target="https://www.kanagawa-park.or.jp/nanasawa/event.html" TargetMode="External"/><Relationship Id="rId2" Type="http://schemas.openxmlformats.org/officeDocument/2006/relationships/hyperlink" Target="https://www.pref.kanagawa.jp/docs/ch3/kagaku/index.html" TargetMode="External"/><Relationship Id="rId1" Type="http://schemas.openxmlformats.org/officeDocument/2006/relationships/hyperlink" Target="https://www.t-kougei.ac.jp/activity/extension/notice/" TargetMode="External"/><Relationship Id="rId6" Type="http://schemas.openxmlformats.org/officeDocument/2006/relationships/hyperlink" Target="https://www.kanagawa-park.or.jp/nanasawa/event.html" TargetMode="External"/><Relationship Id="rId5" Type="http://schemas.openxmlformats.org/officeDocument/2006/relationships/hyperlink" Target="https://www.kanagawa-park.or.jp/nanasawa/event.html" TargetMode="External"/><Relationship Id="rId4" Type="http://schemas.openxmlformats.org/officeDocument/2006/relationships/hyperlink" Target="https://www.pref.kanagawa.jp/docs/ch3/kagaku/index.html" TargetMode="External"/></Relationships>
</file>

<file path=xl/worksheets/_rels/sheet14.xml.rels><?xml version="1.0" encoding="UTF-8" standalone="yes"?>
<Relationships xmlns="http://schemas.openxmlformats.org/package/2006/relationships"><Relationship Id="rId3" Type="http://schemas.openxmlformats.org/officeDocument/2006/relationships/hyperlink" Target="https://www.city.yamato.lg.jp/gyosei/bunka_sports/bunka_geijutsu/rekishi_bunkazai/tsurumainosatorekishishiryokan/11843.html" TargetMode="External"/><Relationship Id="rId7" Type="http://schemas.openxmlformats.org/officeDocument/2006/relationships/printerSettings" Target="../printerSettings/printerSettings14.bin"/><Relationship Id="rId2" Type="http://schemas.openxmlformats.org/officeDocument/2006/relationships/hyperlink" Target="https://www.pref.kanagawa.jp/docs/ch3/kagaku/index.html" TargetMode="External"/><Relationship Id="rId1" Type="http://schemas.openxmlformats.org/officeDocument/2006/relationships/hyperlink" Target="https://www.city.yamato.lg.jp/gyosei/bunka_sports/bunka_geijutsu/rekishi_bunkazai/tsurumainosatorekishishiryokan/11843.html" TargetMode="External"/><Relationship Id="rId6" Type="http://schemas.openxmlformats.org/officeDocument/2006/relationships/hyperlink" Target="https://www.city.yamato.lg.jp/gyosei/bunka_sports/bunka_geijutsu/rekishi_bunkazai/tsurumainosatorekishishiryokan/11843.html" TargetMode="External"/><Relationship Id="rId5" Type="http://schemas.openxmlformats.org/officeDocument/2006/relationships/hyperlink" Target="https://www.city.yamato.lg.jp/gyosei/soshik/2017/bunka_geijutsu/bunka_geizyutu_zigyou/4088.html" TargetMode="External"/><Relationship Id="rId4" Type="http://schemas.openxmlformats.org/officeDocument/2006/relationships/hyperlink" Target="https://www.pref.kanagawa.jp/docs/ch3/kagaku/index.html" TargetMode="External"/></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3" Type="http://schemas.openxmlformats.org/officeDocument/2006/relationships/hyperlink" Target="https://www.kanagawa-park.or.jp/sagamisansen/" TargetMode="External"/><Relationship Id="rId2" Type="http://schemas.openxmlformats.org/officeDocument/2006/relationships/hyperlink" Target="https://www.kanagawa-park.or.jp/sagamisansen/" TargetMode="External"/><Relationship Id="rId1" Type="http://schemas.openxmlformats.org/officeDocument/2006/relationships/hyperlink" Target="https://www.kanagawa-park.or.jp/sagamisansen/" TargetMode="External"/><Relationship Id="rId5" Type="http://schemas.openxmlformats.org/officeDocument/2006/relationships/printerSettings" Target="../printerSettings/printerSettings16.bin"/><Relationship Id="rId4" Type="http://schemas.openxmlformats.org/officeDocument/2006/relationships/hyperlink" Target="https://www.kanagawa-park.or.jp/sagamisansen/" TargetMode="External"/></Relationships>
</file>

<file path=xl/worksheets/_rels/sheet17.xml.rels><?xml version="1.0" encoding="UTF-8" standalone="yes"?>
<Relationships xmlns="http://schemas.openxmlformats.org/package/2006/relationships"><Relationship Id="rId8" Type="http://schemas.openxmlformats.org/officeDocument/2006/relationships/hyperlink" Target="http://www.zamayatoyama.kanagawa-park.or.jp/" TargetMode="External"/><Relationship Id="rId13" Type="http://schemas.openxmlformats.org/officeDocument/2006/relationships/hyperlink" Target="http://www.zamayatoyama.kanagawa-park.or.jp/" TargetMode="External"/><Relationship Id="rId3" Type="http://schemas.openxmlformats.org/officeDocument/2006/relationships/hyperlink" Target="https://www.pref.kanagawa.jp/docs/ch3/kagaku/index.html" TargetMode="External"/><Relationship Id="rId7" Type="http://schemas.openxmlformats.org/officeDocument/2006/relationships/hyperlink" Target="http://www.zamayatoyama.kanagawa-park.or.jp/" TargetMode="External"/><Relationship Id="rId12" Type="http://schemas.openxmlformats.org/officeDocument/2006/relationships/hyperlink" Target="http://www.zamayatoyama.kanagawa-park.or.jp/" TargetMode="External"/><Relationship Id="rId2" Type="http://schemas.openxmlformats.org/officeDocument/2006/relationships/hyperlink" Target="https://www.city.zama.kanagawa.jp/event/kyoiku/1001635/index.html" TargetMode="External"/><Relationship Id="rId1" Type="http://schemas.openxmlformats.org/officeDocument/2006/relationships/hyperlink" Target="https://www.city.zama.kanagawa.jp/shisetsu/kyoiku/kouminkan/1008638.html" TargetMode="External"/><Relationship Id="rId6" Type="http://schemas.openxmlformats.org/officeDocument/2006/relationships/hyperlink" Target="http://www.zamayatoyama.kanagawa-park.or.jp/" TargetMode="External"/><Relationship Id="rId11" Type="http://schemas.openxmlformats.org/officeDocument/2006/relationships/hyperlink" Target="http://anycolor360.sakura.ne.jp/hui_hua_jiao_shidan_caisuketchiwu_waisuketchiatorie_zhong_songxiang_mo_da_ye_yi_qian/dan_caisuketchi.html" TargetMode="External"/><Relationship Id="rId5" Type="http://schemas.openxmlformats.org/officeDocument/2006/relationships/hyperlink" Target="http://www.zamayatoyama.kanagawa-park.or.jp/" TargetMode="External"/><Relationship Id="rId10" Type="http://schemas.openxmlformats.org/officeDocument/2006/relationships/hyperlink" Target="http://www.zamayatoyama.kanagawa-park.or.jp/" TargetMode="External"/><Relationship Id="rId4" Type="http://schemas.openxmlformats.org/officeDocument/2006/relationships/hyperlink" Target="https://www.pref.kanagawa.jp/docs/ch3/kagaku/index.html" TargetMode="External"/><Relationship Id="rId9" Type="http://schemas.openxmlformats.org/officeDocument/2006/relationships/hyperlink" Target="http://www.zamayatoyama.kanagawa-park.or.jp/" TargetMode="External"/><Relationship Id="rId14"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3" Type="http://schemas.openxmlformats.org/officeDocument/2006/relationships/hyperlink" Target="http://www.k-mask.jp/21/" TargetMode="External"/><Relationship Id="rId2" Type="http://schemas.openxmlformats.org/officeDocument/2006/relationships/hyperlink" Target="http://www.k-mask.jp/21/" TargetMode="External"/><Relationship Id="rId1" Type="http://schemas.openxmlformats.org/officeDocument/2006/relationships/hyperlink" Target="https://ktm.or.jp/event/25k-10/" TargetMode="External"/><Relationship Id="rId6" Type="http://schemas.openxmlformats.org/officeDocument/2006/relationships/printerSettings" Target="../printerSettings/printerSettings18.bin"/><Relationship Id="rId5" Type="http://schemas.openxmlformats.org/officeDocument/2006/relationships/hyperlink" Target="http://www.k-mask.jp/21/" TargetMode="External"/><Relationship Id="rId4" Type="http://schemas.openxmlformats.org/officeDocument/2006/relationships/hyperlink" Target="http://www.k-mask.jp/21/" TargetMode="External"/></Relationships>
</file>

<file path=xl/worksheets/_rels/sheet19.xml.rels><?xml version="1.0" encoding="UTF-8" standalone="yes"?>
<Relationships xmlns="http://schemas.openxmlformats.org/package/2006/relationships"><Relationship Id="rId13" Type="http://schemas.openxmlformats.org/officeDocument/2006/relationships/hyperlink" Target="www.city.ayase.kanagawa.jp/kanko_bunka_sports/bunka_geijutsu/ayasebunkageijutsusai/16021.html" TargetMode="External"/><Relationship Id="rId18" Type="http://schemas.openxmlformats.org/officeDocument/2006/relationships/hyperlink" Target="www,ayaselib.jp" TargetMode="External"/><Relationship Id="rId26" Type="http://schemas.openxmlformats.org/officeDocument/2006/relationships/hyperlink" Target="www,ayaselib.jp" TargetMode="External"/><Relationship Id="rId39" Type="http://schemas.openxmlformats.org/officeDocument/2006/relationships/printerSettings" Target="../printerSettings/printerSettings19.bin"/><Relationship Id="rId21" Type="http://schemas.openxmlformats.org/officeDocument/2006/relationships/hyperlink" Target="www.city.ayase.kanagawa.jp/kanko_bunka_sports/bunka_geijutsu/ayasebunkageijutsusai/16021.html" TargetMode="External"/><Relationship Id="rId34" Type="http://schemas.openxmlformats.org/officeDocument/2006/relationships/hyperlink" Target="www,ayaselib.jp" TargetMode="External"/><Relationship Id="rId7" Type="http://schemas.openxmlformats.org/officeDocument/2006/relationships/hyperlink" Target="www.city.ayase.kanagawa.jp/kanko_bunka_sports/bunka_geijutsu/ayasebunkageijutsusai/16021.html" TargetMode="External"/><Relationship Id="rId12" Type="http://schemas.openxmlformats.org/officeDocument/2006/relationships/hyperlink" Target="www,ayaselib.jp" TargetMode="External"/><Relationship Id="rId17" Type="http://schemas.openxmlformats.org/officeDocument/2006/relationships/hyperlink" Target="www,ayaselib.jp" TargetMode="External"/><Relationship Id="rId25" Type="http://schemas.openxmlformats.org/officeDocument/2006/relationships/hyperlink" Target="https://www.city.ayase.kanagawa.jp/" TargetMode="External"/><Relationship Id="rId33" Type="http://schemas.openxmlformats.org/officeDocument/2006/relationships/hyperlink" Target="www.city.ayase.kanagawa.jp/kanko_bunka_sports/bunka_geijutsu/ayasebunkageijutsusai/16021.html" TargetMode="External"/><Relationship Id="rId38" Type="http://schemas.openxmlformats.org/officeDocument/2006/relationships/hyperlink" Target="https://www.ayase-manavi.net/event/" TargetMode="External"/><Relationship Id="rId2" Type="http://schemas.openxmlformats.org/officeDocument/2006/relationships/hyperlink" Target="https://www.city.ayase.kanagawa.jp/" TargetMode="External"/><Relationship Id="rId16" Type="http://schemas.openxmlformats.org/officeDocument/2006/relationships/hyperlink" Target="www,ayaselib.jp" TargetMode="External"/><Relationship Id="rId20" Type="http://schemas.openxmlformats.org/officeDocument/2006/relationships/hyperlink" Target="www.city.ayase.kanagawa.jp/kanko_bunka_sports/bunka_geijutsu/shiminhoruconcert/11123.html" TargetMode="External"/><Relationship Id="rId29" Type="http://schemas.openxmlformats.org/officeDocument/2006/relationships/hyperlink" Target="www.city.ayase.kanagawa.jp/kanko_bunka_sports/bunka_geijutsu/ayasebunkageijutsusai/16021.html" TargetMode="External"/><Relationship Id="rId1" Type="http://schemas.openxmlformats.org/officeDocument/2006/relationships/hyperlink" Target="https://www.city.ayase.kanagawa.jp/" TargetMode="External"/><Relationship Id="rId6" Type="http://schemas.openxmlformats.org/officeDocument/2006/relationships/hyperlink" Target="www.city.ayase.kanagawa.jp/kanko_bunka_sports/bunka_geijutsu/ayasebunkageijutsusai/16021.html" TargetMode="External"/><Relationship Id="rId11" Type="http://schemas.openxmlformats.org/officeDocument/2006/relationships/hyperlink" Target="www,ayaselib.jp" TargetMode="External"/><Relationship Id="rId24" Type="http://schemas.openxmlformats.org/officeDocument/2006/relationships/hyperlink" Target="www,ayaselib.jp" TargetMode="External"/><Relationship Id="rId32" Type="http://schemas.openxmlformats.org/officeDocument/2006/relationships/hyperlink" Target="www.city.ayase.kanagawa.jp/kanko_bunka_sports/bunka_geijutsu/shiminhoruconcert/11123.html" TargetMode="External"/><Relationship Id="rId37" Type="http://schemas.openxmlformats.org/officeDocument/2006/relationships/hyperlink" Target="www,ayaselib.jp" TargetMode="External"/><Relationship Id="rId5" Type="http://schemas.openxmlformats.org/officeDocument/2006/relationships/hyperlink" Target="www,ayaselib.jp" TargetMode="External"/><Relationship Id="rId15" Type="http://schemas.openxmlformats.org/officeDocument/2006/relationships/hyperlink" Target="https://www.city.ayase.kanagawa.jp/" TargetMode="External"/><Relationship Id="rId23" Type="http://schemas.openxmlformats.org/officeDocument/2006/relationships/hyperlink" Target="www.city.ayase.kanagawa.jp/kanko_bunka_sports/bunka_geijutsu/ayasebunkageijutsusai/16021.html" TargetMode="External"/><Relationship Id="rId28" Type="http://schemas.openxmlformats.org/officeDocument/2006/relationships/hyperlink" Target="www.city.ayase.kanagawa.jp/kanko_bunka_sports/bunka_geijutsu/ayasebunkageijutsusai/16021.html" TargetMode="External"/><Relationship Id="rId36" Type="http://schemas.openxmlformats.org/officeDocument/2006/relationships/hyperlink" Target="www,ayaselib.jp" TargetMode="External"/><Relationship Id="rId10" Type="http://schemas.openxmlformats.org/officeDocument/2006/relationships/hyperlink" Target="www,ayaselib.jp" TargetMode="External"/><Relationship Id="rId19" Type="http://schemas.openxmlformats.org/officeDocument/2006/relationships/hyperlink" Target="https://www.ayase-manavi.net/event/" TargetMode="External"/><Relationship Id="rId31" Type="http://schemas.openxmlformats.org/officeDocument/2006/relationships/hyperlink" Target="www,ayaselib.jp" TargetMode="External"/><Relationship Id="rId4" Type="http://schemas.openxmlformats.org/officeDocument/2006/relationships/hyperlink" Target="www,ayaselib.jp" TargetMode="External"/><Relationship Id="rId9" Type="http://schemas.openxmlformats.org/officeDocument/2006/relationships/hyperlink" Target="www.city.ayase.kanagawa.jp/kanko_bunka_sports/bunka_geijutsu/shiminhoruconcert/11123.html" TargetMode="External"/><Relationship Id="rId14" Type="http://schemas.openxmlformats.org/officeDocument/2006/relationships/hyperlink" Target="https://www.city.ayase.kanagawa.jp/" TargetMode="External"/><Relationship Id="rId22" Type="http://schemas.openxmlformats.org/officeDocument/2006/relationships/hyperlink" Target="www,ayaselib.jp" TargetMode="External"/><Relationship Id="rId27" Type="http://schemas.openxmlformats.org/officeDocument/2006/relationships/hyperlink" Target="www.city.ayase.kanagawa.jp/kanko_bunka_sports/bunka_geijutsu/ayasebunkageijutsusai/16021.html" TargetMode="External"/><Relationship Id="rId30" Type="http://schemas.openxmlformats.org/officeDocument/2006/relationships/hyperlink" Target="www,ayaselib.jp" TargetMode="External"/><Relationship Id="rId35" Type="http://schemas.openxmlformats.org/officeDocument/2006/relationships/hyperlink" Target="www.city.ayase.kanagawa.jp/kanko_bunka_sports/bunka_geijutsu/ayasebunkageijutsusai/16021.html" TargetMode="External"/><Relationship Id="rId8" Type="http://schemas.openxmlformats.org/officeDocument/2006/relationships/hyperlink" Target="www,ayaselib.jp" TargetMode="External"/><Relationship Id="rId3" Type="http://schemas.openxmlformats.org/officeDocument/2006/relationships/hyperlink" Target="www,ayaselib.jp" TargetMode="External"/></Relationships>
</file>

<file path=xl/worksheets/_rels/sheet2.xml.rels><?xml version="1.0" encoding="UTF-8" standalone="yes"?>
<Relationships xmlns="http://schemas.openxmlformats.org/package/2006/relationships"><Relationship Id="rId26" Type="http://schemas.openxmlformats.org/officeDocument/2006/relationships/hyperlink" Target="https://www.ku-portsquare.jp/site/course/list/" TargetMode="External"/><Relationship Id="rId21" Type="http://schemas.openxmlformats.org/officeDocument/2006/relationships/hyperlink" Target="https://www.ku-portsquare.jp/site/course/list/" TargetMode="External"/><Relationship Id="rId42" Type="http://schemas.openxmlformats.org/officeDocument/2006/relationships/hyperlink" Target="https://www.ku-portsquare.jp/site/course/list/" TargetMode="External"/><Relationship Id="rId47" Type="http://schemas.openxmlformats.org/officeDocument/2006/relationships/hyperlink" Target="http://www.pref.kanagawa.jp/docs/yi4/dentougeinou/bunraku2025.html" TargetMode="External"/><Relationship Id="rId63" Type="http://schemas.openxmlformats.org/officeDocument/2006/relationships/hyperlink" Target="https://ferris-concert.studio.site/" TargetMode="External"/><Relationship Id="rId68" Type="http://schemas.openxmlformats.org/officeDocument/2006/relationships/hyperlink" Target="https://www.city.yokohama.lg.jp/kurashi/kyodo-manabi/library/tshokan/konan/oshirase.html" TargetMode="External"/><Relationship Id="rId84" Type="http://schemas.openxmlformats.org/officeDocument/2006/relationships/hyperlink" Target="https://www.yokohama-cu.ac.jp/kihara/event/index.html" TargetMode="External"/><Relationship Id="rId89" Type="http://schemas.openxmlformats.org/officeDocument/2006/relationships/printerSettings" Target="../printerSettings/printerSettings2.bin"/><Relationship Id="rId16" Type="http://schemas.openxmlformats.org/officeDocument/2006/relationships/hyperlink" Target="https://www.ku-portsquare.jp/site/course/list/" TargetMode="External"/><Relationship Id="rId11" Type="http://schemas.openxmlformats.org/officeDocument/2006/relationships/hyperlink" Target="https://www.ku-portsquare.jp/site/course/list/" TargetMode="External"/><Relationship Id="rId32" Type="http://schemas.openxmlformats.org/officeDocument/2006/relationships/hyperlink" Target="https://ssl.smart-academy.net/ycu/course/detail/802/" TargetMode="External"/><Relationship Id="rId37" Type="http://schemas.openxmlformats.org/officeDocument/2006/relationships/hyperlink" Target="https://www.ku-portsquare.jp/site/course/list/" TargetMode="External"/><Relationship Id="rId53" Type="http://schemas.openxmlformats.org/officeDocument/2006/relationships/hyperlink" Target="https://www.pref.kanagawa.jp/docs/ch3/kagaku/index.html" TargetMode="External"/><Relationship Id="rId58" Type="http://schemas.openxmlformats.org/officeDocument/2006/relationships/hyperlink" Target="https://ferris-concert.studio.site/" TargetMode="External"/><Relationship Id="rId74" Type="http://schemas.openxmlformats.org/officeDocument/2006/relationships/hyperlink" Target="https://www.kanagawa-park.or.jp/hodogaya/" TargetMode="External"/><Relationship Id="rId79" Type="http://schemas.openxmlformats.org/officeDocument/2006/relationships/hyperlink" Target="https://www.yokohama-cu.ac.jp/fukuhp/section/other_sections/kanshikkan/index.html" TargetMode="External"/><Relationship Id="rId5" Type="http://schemas.openxmlformats.org/officeDocument/2006/relationships/hyperlink" Target="https://www.ku-portsquare.jp/site/course/list/" TargetMode="External"/><Relationship Id="rId14" Type="http://schemas.openxmlformats.org/officeDocument/2006/relationships/hyperlink" Target="https://www.ku-portsquare.jp/site/course/list/" TargetMode="External"/><Relationship Id="rId22" Type="http://schemas.openxmlformats.org/officeDocument/2006/relationships/hyperlink" Target="https://www.ku-portsquare.jp/site/course/list/" TargetMode="External"/><Relationship Id="rId27" Type="http://schemas.openxmlformats.org/officeDocument/2006/relationships/hyperlink" Target="https://www.ku-portsquare.jp/site/course/list/" TargetMode="External"/><Relationship Id="rId30" Type="http://schemas.openxmlformats.org/officeDocument/2006/relationships/hyperlink" Target="https://www.ku-portsquare.jp/site/course/list/" TargetMode="External"/><Relationship Id="rId35" Type="http://schemas.openxmlformats.org/officeDocument/2006/relationships/hyperlink" Target="https://www.kanagawa-ongakudo.com/d/bavouzet" TargetMode="External"/><Relationship Id="rId43" Type="http://schemas.openxmlformats.org/officeDocument/2006/relationships/hyperlink" Target="https://www.ku-portsquare.jp/site/course/list/" TargetMode="External"/><Relationship Id="rId48" Type="http://schemas.openxmlformats.org/officeDocument/2006/relationships/hyperlink" Target="https://www.ku-portsquare.jp/site/course/list/" TargetMode="External"/><Relationship Id="rId56" Type="http://schemas.openxmlformats.org/officeDocument/2006/relationships/hyperlink" Target="https://newspark.jp/" TargetMode="External"/><Relationship Id="rId64" Type="http://schemas.openxmlformats.org/officeDocument/2006/relationships/hyperlink" Target="https://www.kaat.jp/news_detail/2759" TargetMode="External"/><Relationship Id="rId69" Type="http://schemas.openxmlformats.org/officeDocument/2006/relationships/hyperlink" Target="https://www.city.yokohama.lg.jp/kurashi/kyodo-manabi/library/tshokan/konan/oshirase.html" TargetMode="External"/><Relationship Id="rId77" Type="http://schemas.openxmlformats.org/officeDocument/2006/relationships/hyperlink" Target="https://archives.pref.kanagawa.jp/" TargetMode="External"/><Relationship Id="rId8" Type="http://schemas.openxmlformats.org/officeDocument/2006/relationships/hyperlink" Target="https://www.ku-portsquare.jp/site/course/list/" TargetMode="External"/><Relationship Id="rId51" Type="http://schemas.openxmlformats.org/officeDocument/2006/relationships/hyperlink" Target="https://www.kanagawa-ongakudo.com/d/otona2025" TargetMode="External"/><Relationship Id="rId72" Type="http://schemas.openxmlformats.org/officeDocument/2006/relationships/hyperlink" Target="https://hodogaya-ibento-gallery.blogspot.com/2025/05/7.html" TargetMode="External"/><Relationship Id="rId80" Type="http://schemas.openxmlformats.org/officeDocument/2006/relationships/hyperlink" Target="https://ssl.smart-academy.net/ycu/course/detail/792/" TargetMode="External"/><Relationship Id="rId85" Type="http://schemas.openxmlformats.org/officeDocument/2006/relationships/hyperlink" Target="https://kanagawa-park.or.jp/sakaigawa/" TargetMode="External"/><Relationship Id="rId3" Type="http://schemas.openxmlformats.org/officeDocument/2006/relationships/hyperlink" Target="https://www.kanagawa-park.or.jp/mitsuike/" TargetMode="External"/><Relationship Id="rId12" Type="http://schemas.openxmlformats.org/officeDocument/2006/relationships/hyperlink" Target="https://www.ku-portsquare.jp/site/course/list/" TargetMode="External"/><Relationship Id="rId17" Type="http://schemas.openxmlformats.org/officeDocument/2006/relationships/hyperlink" Target="https://www.ku-portsquare.jp/site/course/list/" TargetMode="External"/><Relationship Id="rId25" Type="http://schemas.openxmlformats.org/officeDocument/2006/relationships/hyperlink" Target="https://www.ku-portsquare.jp/site/course/list/" TargetMode="External"/><Relationship Id="rId33" Type="http://schemas.openxmlformats.org/officeDocument/2006/relationships/hyperlink" Target="https://www.ku-portsquare.jp/site/course/list/" TargetMode="External"/><Relationship Id="rId38" Type="http://schemas.openxmlformats.org/officeDocument/2006/relationships/hyperlink" Target="https://www.ku-portsquare.jp/site/course/list/" TargetMode="External"/><Relationship Id="rId46" Type="http://schemas.openxmlformats.org/officeDocument/2006/relationships/hyperlink" Target="https://www.ku-portsquare.jp/site/course/list/" TargetMode="External"/><Relationship Id="rId59" Type="http://schemas.openxmlformats.org/officeDocument/2006/relationships/hyperlink" Target="https://www.kuhs.ac.jp/cooperation/extention/humanservice/" TargetMode="External"/><Relationship Id="rId67" Type="http://schemas.openxmlformats.org/officeDocument/2006/relationships/hyperlink" Target="https://www.city.yokohama.lg.jp/kurashi/kyodo-manabi/library/tshokan/konan/oshirase.html" TargetMode="External"/><Relationship Id="rId20" Type="http://schemas.openxmlformats.org/officeDocument/2006/relationships/hyperlink" Target="https://www.ku-portsquare.jp/site/course/list/" TargetMode="External"/><Relationship Id="rId41" Type="http://schemas.openxmlformats.org/officeDocument/2006/relationships/hyperlink" Target="https://ssl.smart-academy.net/ycu/course/detail/789/" TargetMode="External"/><Relationship Id="rId54" Type="http://schemas.openxmlformats.org/officeDocument/2006/relationships/hyperlink" Target="https://www.pref.kanagawa.jp/docs/ch3/kagaku/index.html" TargetMode="External"/><Relationship Id="rId62" Type="http://schemas.openxmlformats.org/officeDocument/2006/relationships/hyperlink" Target="https://www.kaat.jp/d/carcaca" TargetMode="External"/><Relationship Id="rId70" Type="http://schemas.openxmlformats.org/officeDocument/2006/relationships/hyperlink" Target="https://www.city.yokohama.lg.jp/kurashi/kyodo-manabi/library/tshokan/konan/oshirase.html" TargetMode="External"/><Relationship Id="rId75" Type="http://schemas.openxmlformats.org/officeDocument/2006/relationships/hyperlink" Target="https://archives.pref.kanagawa.jp/" TargetMode="External"/><Relationship Id="rId83" Type="http://schemas.openxmlformats.org/officeDocument/2006/relationships/hyperlink" Target="https://www.kanaloco.jp/kanacon/" TargetMode="External"/><Relationship Id="rId88" Type="http://schemas.openxmlformats.org/officeDocument/2006/relationships/hyperlink" Target="https://kanagawa-park.or.jp/sakaigawa/" TargetMode="External"/><Relationship Id="rId1" Type="http://schemas.openxmlformats.org/officeDocument/2006/relationships/hyperlink" Target="https://www.kanagawa-park.or.jp/mitsuike/" TargetMode="External"/><Relationship Id="rId6" Type="http://schemas.openxmlformats.org/officeDocument/2006/relationships/hyperlink" Target="https://www.ku-portsquare.jp/site/course/list/" TargetMode="External"/><Relationship Id="rId15" Type="http://schemas.openxmlformats.org/officeDocument/2006/relationships/hyperlink" Target="https://www.ku-portsquare.jp/site/course/list/" TargetMode="External"/><Relationship Id="rId23" Type="http://schemas.openxmlformats.org/officeDocument/2006/relationships/hyperlink" Target="https://www.ku-portsquare.jp/site/course/list/" TargetMode="External"/><Relationship Id="rId28" Type="http://schemas.openxmlformats.org/officeDocument/2006/relationships/hyperlink" Target="https://www.ku-portsquare.jp/site/course/list/" TargetMode="External"/><Relationship Id="rId36" Type="http://schemas.openxmlformats.org/officeDocument/2006/relationships/hyperlink" Target="https://www.pref.kanagawa.jp/docs/tz5/kanagawa_deaflympics/index.html" TargetMode="External"/><Relationship Id="rId49" Type="http://schemas.openxmlformats.org/officeDocument/2006/relationships/hyperlink" Target="https://ssl.smart-academy.net/ycu/course/detail/810/" TargetMode="External"/><Relationship Id="rId57" Type="http://schemas.openxmlformats.org/officeDocument/2006/relationships/hyperlink" Target="https://www.kaat.jp/d/ena" TargetMode="External"/><Relationship Id="rId10" Type="http://schemas.openxmlformats.org/officeDocument/2006/relationships/hyperlink" Target="https://www.ku-portsquare.jp/site/course/list/" TargetMode="External"/><Relationship Id="rId31" Type="http://schemas.openxmlformats.org/officeDocument/2006/relationships/hyperlink" Target="https://www.kanaloco.jp/kanacon/" TargetMode="External"/><Relationship Id="rId44" Type="http://schemas.openxmlformats.org/officeDocument/2006/relationships/hyperlink" Target="https://www.ku-portsquare.jp/site/course/list/" TargetMode="External"/><Relationship Id="rId52" Type="http://schemas.openxmlformats.org/officeDocument/2006/relationships/hyperlink" Target="https://www.pref.kanagawa.jp/docs/ch3/kagaku/index.html" TargetMode="External"/><Relationship Id="rId60" Type="http://schemas.openxmlformats.org/officeDocument/2006/relationships/hyperlink" Target="https://ferris-concert.studio.site/posts/251010chapel" TargetMode="External"/><Relationship Id="rId65" Type="http://schemas.openxmlformats.org/officeDocument/2006/relationships/hyperlink" Target="https://www.city.yokohama.lg.jp/kurashi/kyodo-manabi/library/tshokan/konan/oshirase.html" TargetMode="External"/><Relationship Id="rId73" Type="http://schemas.openxmlformats.org/officeDocument/2006/relationships/hyperlink" Target="https://www.kanagawa-park.or.jp/hodogaya/" TargetMode="External"/><Relationship Id="rId78" Type="http://schemas.openxmlformats.org/officeDocument/2006/relationships/hyperlink" Target="https://archives.pref.kanagawa.jp/" TargetMode="External"/><Relationship Id="rId81" Type="http://schemas.openxmlformats.org/officeDocument/2006/relationships/hyperlink" Target="https://www.showa-u.ac.jp/society/ext_lect/yokohama.html" TargetMode="External"/><Relationship Id="rId86" Type="http://schemas.openxmlformats.org/officeDocument/2006/relationships/hyperlink" Target="https://kanagawa-park.or.jp/sakaigawa/" TargetMode="External"/><Relationship Id="rId4" Type="http://schemas.openxmlformats.org/officeDocument/2006/relationships/hyperlink" Target="https://www.ku-portsquare.jp/site/course/list/" TargetMode="External"/><Relationship Id="rId9" Type="http://schemas.openxmlformats.org/officeDocument/2006/relationships/hyperlink" Target="https://www.ku-portsquare.jp/site/course/list/" TargetMode="External"/><Relationship Id="rId13" Type="http://schemas.openxmlformats.org/officeDocument/2006/relationships/hyperlink" Target="https://www.ku-portsquare.jp/site/course/list/" TargetMode="External"/><Relationship Id="rId18" Type="http://schemas.openxmlformats.org/officeDocument/2006/relationships/hyperlink" Target="https://www.ku-portsquare.jp/site/course/list/" TargetMode="External"/><Relationship Id="rId39" Type="http://schemas.openxmlformats.org/officeDocument/2006/relationships/hyperlink" Target="https://www.ku-portsquare.jp/site/course/list/" TargetMode="External"/><Relationship Id="rId34" Type="http://schemas.openxmlformats.org/officeDocument/2006/relationships/hyperlink" Target="https://www.ku-portsquare.jp/site/course/list/" TargetMode="External"/><Relationship Id="rId50" Type="http://schemas.openxmlformats.org/officeDocument/2006/relationships/hyperlink" Target="https://www.pref.kanagawa.jp/docs/ch3/kagaku/index.html" TargetMode="External"/><Relationship Id="rId55" Type="http://schemas.openxmlformats.org/officeDocument/2006/relationships/hyperlink" Target="https://www.kaat.jp/d/don_quixote" TargetMode="External"/><Relationship Id="rId76" Type="http://schemas.openxmlformats.org/officeDocument/2006/relationships/hyperlink" Target="https://archives.pref.kanagawa.jp/" TargetMode="External"/><Relationship Id="rId7" Type="http://schemas.openxmlformats.org/officeDocument/2006/relationships/hyperlink" Target="https://www.ku-portsquare.jp/site/course/list/" TargetMode="External"/><Relationship Id="rId71" Type="http://schemas.openxmlformats.org/officeDocument/2006/relationships/hyperlink" Target="https://www.kanagawa-arthall.jp/event/5207/" TargetMode="External"/><Relationship Id="rId2" Type="http://schemas.openxmlformats.org/officeDocument/2006/relationships/hyperlink" Target="https://www.kanagawa-park.or.jp/mitsuike/" TargetMode="External"/><Relationship Id="rId29" Type="http://schemas.openxmlformats.org/officeDocument/2006/relationships/hyperlink" Target="https://www.ku-portsquare.jp/site/course/list/" TargetMode="External"/><Relationship Id="rId24" Type="http://schemas.openxmlformats.org/officeDocument/2006/relationships/hyperlink" Target="https://www.ku-portsquare.jp/site/course/list/" TargetMode="External"/><Relationship Id="rId40" Type="http://schemas.openxmlformats.org/officeDocument/2006/relationships/hyperlink" Target="https://www.ku-portsquare.jp/site/course/list/" TargetMode="External"/><Relationship Id="rId45" Type="http://schemas.openxmlformats.org/officeDocument/2006/relationships/hyperlink" Target="https://www.kanagawa-ongakudo.com/d/dessay" TargetMode="External"/><Relationship Id="rId66" Type="http://schemas.openxmlformats.org/officeDocument/2006/relationships/hyperlink" Target="https://www.city.yokohama.lg.jp/kurashi/kyodo-manabi/library/tshokan/konan/oshirase.html" TargetMode="External"/><Relationship Id="rId87" Type="http://schemas.openxmlformats.org/officeDocument/2006/relationships/hyperlink" Target="https://kanagawa-park.or.jp/sakaigawa/" TargetMode="External"/><Relationship Id="rId61" Type="http://schemas.openxmlformats.org/officeDocument/2006/relationships/hyperlink" Target="https://www.yokohama-seikokai.org/" TargetMode="External"/><Relationship Id="rId82" Type="http://schemas.openxmlformats.org/officeDocument/2006/relationships/hyperlink" Target="https://www.yokohama-art.ac.jp/society" TargetMode="External"/><Relationship Id="rId19" Type="http://schemas.openxmlformats.org/officeDocument/2006/relationships/hyperlink" Target="https://www.ku-portsquare.jp/site/course/list/" TargetMode="External"/></Relationships>
</file>

<file path=xl/worksheets/_rels/sheet20.xml.rels><?xml version="1.0" encoding="UTF-8" standalone="yes"?>
<Relationships xmlns="http://schemas.openxmlformats.org/package/2006/relationships"><Relationship Id="rId2" Type="http://schemas.openxmlformats.org/officeDocument/2006/relationships/printerSettings" Target="../printerSettings/printerSettings20.bin"/><Relationship Id="rId1" Type="http://schemas.openxmlformats.org/officeDocument/2006/relationships/hyperlink" Target="https://rcies.soken.ac.jp/index.html" TargetMode="External"/></Relationships>
</file>

<file path=xl/worksheets/_rels/sheet21.xml.rels><?xml version="1.0" encoding="UTF-8" standalone="yes"?>
<Relationships xmlns="http://schemas.openxmlformats.org/package/2006/relationships"><Relationship Id="rId2" Type="http://schemas.openxmlformats.org/officeDocument/2006/relationships/printerSettings" Target="../printerSettings/printerSettings21.bin"/><Relationship Id="rId1" Type="http://schemas.openxmlformats.org/officeDocument/2006/relationships/hyperlink" Target="https://www.town.samukawa.kanagawa.jp/soshiki/kyoiku/shogaigakushu/shogaigakushu/event/1362480503130.html" TargetMode="External"/></Relationships>
</file>

<file path=xl/worksheets/_rels/sheet22.xml.rels><?xml version="1.0" encoding="UTF-8" standalone="yes"?>
<Relationships xmlns="http://schemas.openxmlformats.org/package/2006/relationships"><Relationship Id="rId3" Type="http://schemas.openxmlformats.org/officeDocument/2006/relationships/hyperlink" Target="https://www.kanagawa-park.or.jp/ooisojoyama/" TargetMode="External"/><Relationship Id="rId2" Type="http://schemas.openxmlformats.org/officeDocument/2006/relationships/hyperlink" Target="https://www.kanagawa-park.or.jp/ooisojoyama/" TargetMode="External"/><Relationship Id="rId1" Type="http://schemas.openxmlformats.org/officeDocument/2006/relationships/hyperlink" Target="https://www.kanagawa-park.or.jp/ooisojoyama/" TargetMode="External"/><Relationship Id="rId6" Type="http://schemas.openxmlformats.org/officeDocument/2006/relationships/printerSettings" Target="../printerSettings/printerSettings22.bin"/><Relationship Id="rId5" Type="http://schemas.openxmlformats.org/officeDocument/2006/relationships/hyperlink" Target="https://www.kanagawa-park.or.jp/ooisojoyama/" TargetMode="External"/><Relationship Id="rId4" Type="http://schemas.openxmlformats.org/officeDocument/2006/relationships/hyperlink" Target="https://www.kanagawa-park.or.jp/ooisojoyama/" TargetMode="External"/></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3" Type="http://schemas.openxmlformats.org/officeDocument/2006/relationships/hyperlink" Target="http://www.kanagawa-park.or.jp/tsuburano/" TargetMode="External"/><Relationship Id="rId7" Type="http://schemas.openxmlformats.org/officeDocument/2006/relationships/printerSettings" Target="../printerSettings/printerSettings24.bin"/><Relationship Id="rId2" Type="http://schemas.openxmlformats.org/officeDocument/2006/relationships/hyperlink" Target="http://www.kanagawa-park.or.jp/tsuburano/" TargetMode="External"/><Relationship Id="rId1" Type="http://schemas.openxmlformats.org/officeDocument/2006/relationships/hyperlink" Target="http://www.kanagawa-park.or.jp/tsuburano/" TargetMode="External"/><Relationship Id="rId6" Type="http://schemas.openxmlformats.org/officeDocument/2006/relationships/hyperlink" Target="http://www.kanagawa-park.or.jp/tsuburano/" TargetMode="External"/><Relationship Id="rId5" Type="http://schemas.openxmlformats.org/officeDocument/2006/relationships/hyperlink" Target="http://www.kanagawa-park.or.jp/tsuburano/" TargetMode="External"/><Relationship Id="rId4" Type="http://schemas.openxmlformats.org/officeDocument/2006/relationships/hyperlink" Target="http://www.kanagawa-park.or.jp/tsuburano/" TargetMode="External"/></Relationships>
</file>

<file path=xl/worksheets/_rels/sheet25.xml.rels><?xml version="1.0" encoding="UTF-8" standalone="yes"?>
<Relationships xmlns="http://schemas.openxmlformats.org/package/2006/relationships"><Relationship Id="rId3" Type="http://schemas.openxmlformats.org/officeDocument/2006/relationships/hyperlink" Target="https://www.kanagawa-park.or.jp/onsisite/" TargetMode="External"/><Relationship Id="rId2" Type="http://schemas.openxmlformats.org/officeDocument/2006/relationships/hyperlink" Target="https://ktm.or.jp/event/25k-14/" TargetMode="External"/><Relationship Id="rId1" Type="http://schemas.openxmlformats.org/officeDocument/2006/relationships/hyperlink" Target="https://ktm.or.jp/event/25k-11/" TargetMode="External"/><Relationship Id="rId4"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2" Type="http://schemas.openxmlformats.org/officeDocument/2006/relationships/printerSettings" Target="../printerSettings/printerSettings26.bin"/><Relationship Id="rId1" Type="http://schemas.openxmlformats.org/officeDocument/2006/relationships/hyperlink" Target="https://ktm.or.jp/event/25k-13/" TargetMode="External"/></Relationships>
</file>

<file path=xl/worksheets/_rels/sheet27.xml.rels><?xml version="1.0" encoding="UTF-8" standalone="yes"?>
<Relationships xmlns="http://schemas.openxmlformats.org/package/2006/relationships"><Relationship Id="rId8" Type="http://schemas.openxmlformats.org/officeDocument/2006/relationships/printerSettings" Target="../printerSettings/printerSettings27.bin"/><Relationship Id="rId3" Type="http://schemas.openxmlformats.org/officeDocument/2006/relationships/hyperlink" Target="https://www.town.yugawara.kanagawa.jp/site/tosyokan/1824.html" TargetMode="External"/><Relationship Id="rId7" Type="http://schemas.openxmlformats.org/officeDocument/2006/relationships/hyperlink" Target="https://www.town.yugawara.kanagawa.jp/site/tosyokan/1824.html" TargetMode="External"/><Relationship Id="rId2" Type="http://schemas.openxmlformats.org/officeDocument/2006/relationships/hyperlink" Target="https://www.town.yugawara.kanagawa.jp/site/museum" TargetMode="External"/><Relationship Id="rId1" Type="http://schemas.openxmlformats.org/officeDocument/2006/relationships/hyperlink" Target="https://www.town.yugawara.kanagawa.jp/site/museum" TargetMode="External"/><Relationship Id="rId6" Type="http://schemas.openxmlformats.org/officeDocument/2006/relationships/hyperlink" Target="https://www.town.yugawara.kanagawa.jp/site/museum" TargetMode="External"/><Relationship Id="rId5" Type="http://schemas.openxmlformats.org/officeDocument/2006/relationships/hyperlink" Target="https://www.town.yugawara.kanagawa.jp/site/museum" TargetMode="External"/><Relationship Id="rId4" Type="http://schemas.openxmlformats.org/officeDocument/2006/relationships/hyperlink" Target="https://www.town.yugawara.kanagawa.jp/site/tosyokan/1824.html" TargetMode="External"/></Relationships>
</file>

<file path=xl/worksheets/_rels/sheet28.xml.rels><?xml version="1.0" encoding="UTF-8" standalone="yes"?>
<Relationships xmlns="http://schemas.openxmlformats.org/package/2006/relationships"><Relationship Id="rId8" Type="http://schemas.openxmlformats.org/officeDocument/2006/relationships/hyperlink" Target="http://www.aikawa-park.jp/publics/index/37/" TargetMode="External"/><Relationship Id="rId13" Type="http://schemas.openxmlformats.org/officeDocument/2006/relationships/hyperlink" Target="http://www.aikawa-park.jp/publics/index/94/" TargetMode="External"/><Relationship Id="rId3" Type="http://schemas.openxmlformats.org/officeDocument/2006/relationships/hyperlink" Target="http://www.aikawa-park.jp/publics/index/37/" TargetMode="External"/><Relationship Id="rId7" Type="http://schemas.openxmlformats.org/officeDocument/2006/relationships/hyperlink" Target="http://www.aikawa-park.jp/publics/index/37/" TargetMode="External"/><Relationship Id="rId12" Type="http://schemas.openxmlformats.org/officeDocument/2006/relationships/hyperlink" Target="http://www.aikawa-park.jp/publics/index/94/" TargetMode="External"/><Relationship Id="rId2" Type="http://schemas.openxmlformats.org/officeDocument/2006/relationships/hyperlink" Target="http://www.aikawa-park.jp/publics/index/37/" TargetMode="External"/><Relationship Id="rId1" Type="http://schemas.openxmlformats.org/officeDocument/2006/relationships/hyperlink" Target="http://www.aikawa-park.jp/publics/index/37/" TargetMode="External"/><Relationship Id="rId6" Type="http://schemas.openxmlformats.org/officeDocument/2006/relationships/hyperlink" Target="http://www.aikawa-park.jp/publics/index/37/" TargetMode="External"/><Relationship Id="rId11" Type="http://schemas.openxmlformats.org/officeDocument/2006/relationships/hyperlink" Target="http://www.aikawa-park.jp/publics/index/94/" TargetMode="External"/><Relationship Id="rId5" Type="http://schemas.openxmlformats.org/officeDocument/2006/relationships/hyperlink" Target="http://www.aikawa-park.jp/publics/index/37/" TargetMode="External"/><Relationship Id="rId15" Type="http://schemas.openxmlformats.org/officeDocument/2006/relationships/printerSettings" Target="../printerSettings/printerSettings28.bin"/><Relationship Id="rId10" Type="http://schemas.openxmlformats.org/officeDocument/2006/relationships/hyperlink" Target="http://www.aikawa-park.jp/publics/index/37/" TargetMode="External"/><Relationship Id="rId4" Type="http://schemas.openxmlformats.org/officeDocument/2006/relationships/hyperlink" Target="http://www.aikawa-park.jp/publics/index/37/" TargetMode="External"/><Relationship Id="rId9" Type="http://schemas.openxmlformats.org/officeDocument/2006/relationships/hyperlink" Target="http://www.aikawa-park.jp/publics/index/37/" TargetMode="External"/><Relationship Id="rId14" Type="http://schemas.openxmlformats.org/officeDocument/2006/relationships/hyperlink" Target="http://www.aikawa-park.jp/publics/index/37/" TargetMode="External"/></Relationships>
</file>

<file path=xl/worksheets/_rels/sheet29.xml.rels><?xml version="1.0" encoding="UTF-8" standalone="yes"?>
<Relationships xmlns="http://schemas.openxmlformats.org/package/2006/relationships"><Relationship Id="rId13" Type="http://schemas.openxmlformats.org/officeDocument/2006/relationships/hyperlink" Target="https://shougai.bunkyo.ac.jp/" TargetMode="External"/><Relationship Id="rId18" Type="http://schemas.openxmlformats.org/officeDocument/2006/relationships/hyperlink" Target="https://www.pref.kanagawa.jp/docs/vx6/kanatech_west/index.html" TargetMode="External"/><Relationship Id="rId26" Type="http://schemas.openxmlformats.org/officeDocument/2006/relationships/hyperlink" Target="https://odawara2dm.com/" TargetMode="External"/><Relationship Id="rId39" Type="http://schemas.openxmlformats.org/officeDocument/2006/relationships/printerSettings" Target="../printerSettings/printerSettings29.bin"/><Relationship Id="rId21" Type="http://schemas.openxmlformats.org/officeDocument/2006/relationships/hyperlink" Target="https://www.pref.kanagawa.jp/docs/u5t/collabo/collabo_year.html" TargetMode="External"/><Relationship Id="rId34" Type="http://schemas.openxmlformats.org/officeDocument/2006/relationships/hyperlink" Target="https://www.yashima.ac.jp/univ/extension/course/2025/04/post-631.html" TargetMode="External"/><Relationship Id="rId7" Type="http://schemas.openxmlformats.org/officeDocument/2006/relationships/hyperlink" Target="https://shougai.bunkyo.ac.jp/" TargetMode="External"/><Relationship Id="rId12" Type="http://schemas.openxmlformats.org/officeDocument/2006/relationships/hyperlink" Target="https://shougai.bunkyo.ac.jp/" TargetMode="External"/><Relationship Id="rId17" Type="http://schemas.openxmlformats.org/officeDocument/2006/relationships/hyperlink" Target="https://jiesofficial.com/" TargetMode="External"/><Relationship Id="rId25" Type="http://schemas.openxmlformats.org/officeDocument/2006/relationships/hyperlink" Target="https://shougai.bunkyo.ac.jp/" TargetMode="External"/><Relationship Id="rId33" Type="http://schemas.openxmlformats.org/officeDocument/2006/relationships/hyperlink" Target="https://www.yashima.ac.jp/univ/extension/course/2025/05/-2025-4.html" TargetMode="External"/><Relationship Id="rId38" Type="http://schemas.openxmlformats.org/officeDocument/2006/relationships/hyperlink" Target="https://www.yashima.ac.jp/univ/extension/course/2025/04/1-32-7.html" TargetMode="External"/><Relationship Id="rId2" Type="http://schemas.openxmlformats.org/officeDocument/2006/relationships/hyperlink" Target="https://univ.kanto-gakuin.ac.jp/education/open-lecture/information.html" TargetMode="External"/><Relationship Id="rId16" Type="http://schemas.openxmlformats.org/officeDocument/2006/relationships/hyperlink" Target="https://www.meijigakuin.ac.jp/about/activities/regionalalliances/platinum_college/2025/series_yokohama.html" TargetMode="External"/><Relationship Id="rId20" Type="http://schemas.openxmlformats.org/officeDocument/2006/relationships/hyperlink" Target="https://www.pref.kanagawa.jp/docs/vx6/kanatech_west/index.html" TargetMode="External"/><Relationship Id="rId29" Type="http://schemas.openxmlformats.org/officeDocument/2006/relationships/hyperlink" Target="https://www.pref.kanagawa.jp/docs/b4f/index.html" TargetMode="External"/><Relationship Id="rId1" Type="http://schemas.openxmlformats.org/officeDocument/2006/relationships/hyperlink" Target="https://www.senzoku-concert.jp/" TargetMode="External"/><Relationship Id="rId6" Type="http://schemas.openxmlformats.org/officeDocument/2006/relationships/hyperlink" Target="https://shougai.bunkyo.ac.jp/" TargetMode="External"/><Relationship Id="rId11" Type="http://schemas.openxmlformats.org/officeDocument/2006/relationships/hyperlink" Target="https://www.pref.kanagawa.jp/docs/ch3/shuchou/index.html" TargetMode="External"/><Relationship Id="rId24" Type="http://schemas.openxmlformats.org/officeDocument/2006/relationships/hyperlink" Target="https://www.pref.kanagawa.jp/docs/vx6/kanatech_west/index.html" TargetMode="External"/><Relationship Id="rId32" Type="http://schemas.openxmlformats.org/officeDocument/2006/relationships/hyperlink" Target="https://www.yashima.ac.jp/univ/extension/course/2025/03/post-630.html" TargetMode="External"/><Relationship Id="rId37" Type="http://schemas.openxmlformats.org/officeDocument/2006/relationships/hyperlink" Target="https://www.yashima.ac.jp/univ/extension/course/2025/04/1-32-7.html" TargetMode="External"/><Relationship Id="rId5" Type="http://schemas.openxmlformats.org/officeDocument/2006/relationships/hyperlink" Target="https://www.pref.kanagawa.jp/docs/ar3/cnt/f6656/" TargetMode="External"/><Relationship Id="rId15" Type="http://schemas.openxmlformats.org/officeDocument/2006/relationships/hyperlink" Target="https://www.pref.kanagawa.jp/docs/vx6/kanatech_west/index.html" TargetMode="External"/><Relationship Id="rId23" Type="http://schemas.openxmlformats.org/officeDocument/2006/relationships/hyperlink" Target="https://www.pref.kanagawa.jp/docs/vx6/kanatech_west/index.html" TargetMode="External"/><Relationship Id="rId28" Type="http://schemas.openxmlformats.org/officeDocument/2006/relationships/hyperlink" Target="https://www.pref.kanagawa.jp/docs/b4f/index.html" TargetMode="External"/><Relationship Id="rId36" Type="http://schemas.openxmlformats.org/officeDocument/2006/relationships/hyperlink" Target="https://www.yashima.ac.jp/univ/extension/course/2025/04/1-32-7.html" TargetMode="External"/><Relationship Id="rId10" Type="http://schemas.openxmlformats.org/officeDocument/2006/relationships/hyperlink" Target="https://seisa.ac.jp/" TargetMode="External"/><Relationship Id="rId19" Type="http://schemas.openxmlformats.org/officeDocument/2006/relationships/hyperlink" Target="https://www.pref.kanagawa.jp/docs/vx6/kanatech_west/index.html" TargetMode="External"/><Relationship Id="rId31" Type="http://schemas.openxmlformats.org/officeDocument/2006/relationships/hyperlink" Target="https://www.yashima.ac.jp/univ/extension/course/2025/03/post-629.html" TargetMode="External"/><Relationship Id="rId4" Type="http://schemas.openxmlformats.org/officeDocument/2006/relationships/hyperlink" Target="https://shougai.bunkyo.ac.jp/" TargetMode="External"/><Relationship Id="rId9" Type="http://schemas.openxmlformats.org/officeDocument/2006/relationships/hyperlink" Target="https://shougai.bunkyo.ac.jp/" TargetMode="External"/><Relationship Id="rId14" Type="http://schemas.openxmlformats.org/officeDocument/2006/relationships/hyperlink" Target="https://www.pref.kanagawa.jp/docs/vx6/kanatech_west/index.html" TargetMode="External"/><Relationship Id="rId22" Type="http://schemas.openxmlformats.org/officeDocument/2006/relationships/hyperlink" Target="https://www.kanabun.net/" TargetMode="External"/><Relationship Id="rId27" Type="http://schemas.openxmlformats.org/officeDocument/2006/relationships/hyperlink" Target="https://www.pref.kanagawa.jp/docs/ar3/cnt/f6656/" TargetMode="External"/><Relationship Id="rId30" Type="http://schemas.openxmlformats.org/officeDocument/2006/relationships/hyperlink" Target="https://www.yashima.ac.jp/univ/extension/course/2025/05/-f.html" TargetMode="External"/><Relationship Id="rId35" Type="http://schemas.openxmlformats.org/officeDocument/2006/relationships/hyperlink" Target="https://www.yashima.ac.jp/univ/extension/course/2025/04/post-632.html" TargetMode="External"/><Relationship Id="rId8" Type="http://schemas.openxmlformats.org/officeDocument/2006/relationships/hyperlink" Target="https://shougai.bunkyo.ac.jp/" TargetMode="External"/><Relationship Id="rId3" Type="http://schemas.openxmlformats.org/officeDocument/2006/relationships/hyperlink" Target="https://shougai.bunkyo.ac.jp/" TargetMode="External"/></Relationships>
</file>

<file path=xl/worksheets/_rels/sheet3.xml.rels><?xml version="1.0" encoding="UTF-8" standalone="yes"?>
<Relationships xmlns="http://schemas.openxmlformats.org/package/2006/relationships"><Relationship Id="rId8" Type="http://schemas.openxmlformats.org/officeDocument/2006/relationships/hyperlink" Target="https://www.tosei-showa-music.ac.jp/" TargetMode="External"/><Relationship Id="rId13" Type="http://schemas.openxmlformats.org/officeDocument/2006/relationships/hyperlink" Target="https://kawasaki-c-academy.jp/" TargetMode="External"/><Relationship Id="rId18" Type="http://schemas.openxmlformats.org/officeDocument/2006/relationships/hyperlink" Target="https://www.pref.kanagawa.jp/docs/vn7/cnt/f7179/index.html" TargetMode="External"/><Relationship Id="rId26" Type="http://schemas.openxmlformats.org/officeDocument/2006/relationships/printerSettings" Target="../printerSettings/printerSettings3.bin"/><Relationship Id="rId3" Type="http://schemas.openxmlformats.org/officeDocument/2006/relationships/hyperlink" Target="https://www.nihonminkaen.jp/" TargetMode="External"/><Relationship Id="rId21" Type="http://schemas.openxmlformats.org/officeDocument/2006/relationships/hyperlink" Target="https://www.tosei-showa-music.ac.jp/" TargetMode="External"/><Relationship Id="rId7" Type="http://schemas.openxmlformats.org/officeDocument/2006/relationships/hyperlink" Target="https://www.tosei-showa-music.ac.jp/" TargetMode="External"/><Relationship Id="rId12" Type="http://schemas.openxmlformats.org/officeDocument/2006/relationships/hyperlink" Target="https://www.tosei-showa-music.ac.jp/" TargetMode="External"/><Relationship Id="rId17" Type="http://schemas.openxmlformats.org/officeDocument/2006/relationships/hyperlink" Target="https://kawasaki-c-academy.jp/" TargetMode="External"/><Relationship Id="rId25" Type="http://schemas.openxmlformats.org/officeDocument/2006/relationships/hyperlink" Target="https://www.tosei-showa-music.ac.jp/admission/" TargetMode="External"/><Relationship Id="rId2" Type="http://schemas.openxmlformats.org/officeDocument/2006/relationships/hyperlink" Target="https://www.nihonminkaen.jp/" TargetMode="External"/><Relationship Id="rId16" Type="http://schemas.openxmlformats.org/officeDocument/2006/relationships/hyperlink" Target="https://www.tosei-showa-music.ac.jp/" TargetMode="External"/><Relationship Id="rId20" Type="http://schemas.openxmlformats.org/officeDocument/2006/relationships/hyperlink" Target="https://www.tosei-showa-music.ac.jp/admission/" TargetMode="External"/><Relationship Id="rId1" Type="http://schemas.openxmlformats.org/officeDocument/2006/relationships/hyperlink" Target="https://www.nihonminkaen.jp/" TargetMode="External"/><Relationship Id="rId6" Type="http://schemas.openxmlformats.org/officeDocument/2006/relationships/hyperlink" Target="https://www.tosei-showa-music.ac.jp/admission/" TargetMode="External"/><Relationship Id="rId11" Type="http://schemas.openxmlformats.org/officeDocument/2006/relationships/hyperlink" Target="https://kawasaki-c-academy.jp/" TargetMode="External"/><Relationship Id="rId24" Type="http://schemas.openxmlformats.org/officeDocument/2006/relationships/hyperlink" Target="https://www.tosei-showa-music.ac.jp/" TargetMode="External"/><Relationship Id="rId5" Type="http://schemas.openxmlformats.org/officeDocument/2006/relationships/hyperlink" Target="https://www.tosei-showa-music.ac.jp/" TargetMode="External"/><Relationship Id="rId15" Type="http://schemas.openxmlformats.org/officeDocument/2006/relationships/hyperlink" Target="https://www.tosei-showa-music.ac.jp/admission/" TargetMode="External"/><Relationship Id="rId23" Type="http://schemas.openxmlformats.org/officeDocument/2006/relationships/hyperlink" Target="https://www.tosei-showa-music.ac.jp/" TargetMode="External"/><Relationship Id="rId10" Type="http://schemas.openxmlformats.org/officeDocument/2006/relationships/hyperlink" Target="https://www.tosei-showa-music.ac.jp/admission/" TargetMode="External"/><Relationship Id="rId19" Type="http://schemas.openxmlformats.org/officeDocument/2006/relationships/hyperlink" Target="https://www.tosei-showa-music.ac.jp/" TargetMode="External"/><Relationship Id="rId4" Type="http://schemas.openxmlformats.org/officeDocument/2006/relationships/hyperlink" Target="https://www.tosei-showa-music.ac.jp/" TargetMode="External"/><Relationship Id="rId9" Type="http://schemas.openxmlformats.org/officeDocument/2006/relationships/hyperlink" Target="https://www.tosei-showa-music.ac.jp/" TargetMode="External"/><Relationship Id="rId14" Type="http://schemas.openxmlformats.org/officeDocument/2006/relationships/hyperlink" Target="https://www.tosei-showa-music.ac.jp/" TargetMode="External"/><Relationship Id="rId22" Type="http://schemas.openxmlformats.org/officeDocument/2006/relationships/hyperlink" Target="https://www.tosei-showa-music.ac.jp/" TargetMode="External"/></Relationships>
</file>

<file path=xl/worksheets/_rels/sheet4.xml.rels><?xml version="1.0" encoding="UTF-8" standalone="yes"?>
<Relationships xmlns="http://schemas.openxmlformats.org/package/2006/relationships"><Relationship Id="rId8" Type="http://schemas.openxmlformats.org/officeDocument/2006/relationships/hyperlink" Target="http://www.kanagawa-park.or.jp/tsukuikoshiroyama/" TargetMode="External"/><Relationship Id="rId13" Type="http://schemas.openxmlformats.org/officeDocument/2006/relationships/hyperlink" Target="http://www.kanagawa-park.or.jp/tsukuikoshiroyama/" TargetMode="External"/><Relationship Id="rId18" Type="http://schemas.openxmlformats.org/officeDocument/2006/relationships/hyperlink" Target="https://www.joshibi.net/museum/jam/2025/Josyu.html" TargetMode="External"/><Relationship Id="rId26" Type="http://schemas.openxmlformats.org/officeDocument/2006/relationships/hyperlink" Target="http://www.sagamihara.kanagawa-park.or.jp/" TargetMode="External"/><Relationship Id="rId3" Type="http://schemas.openxmlformats.org/officeDocument/2006/relationships/hyperlink" Target="https://www.lib.sagamihara.kanagawa.jp/TOSHOW/asp/index.aspx" TargetMode="External"/><Relationship Id="rId21" Type="http://schemas.openxmlformats.org/officeDocument/2006/relationships/hyperlink" Target="http://www.sagamihara.kanagawa-park.or.jp/" TargetMode="External"/><Relationship Id="rId7" Type="http://schemas.openxmlformats.org/officeDocument/2006/relationships/hyperlink" Target="http://www.kanagawa-park.or.jp/tsukuikoshiroyama/" TargetMode="External"/><Relationship Id="rId12" Type="http://schemas.openxmlformats.org/officeDocument/2006/relationships/hyperlink" Target="https://www.lib.sagamihara.kanagawa.jp/TOSHOW/asp/index.aspx" TargetMode="External"/><Relationship Id="rId17" Type="http://schemas.openxmlformats.org/officeDocument/2006/relationships/hyperlink" Target="https://www.lib.sagamihara.kanagawa.jp/" TargetMode="External"/><Relationship Id="rId25" Type="http://schemas.openxmlformats.org/officeDocument/2006/relationships/hyperlink" Target="http://www.sagamihara.kanagawa-park.or.jp/" TargetMode="External"/><Relationship Id="rId2" Type="http://schemas.openxmlformats.org/officeDocument/2006/relationships/hyperlink" Target="https://www.lib.sagamihara.kanagawa.jp/TOSHOW/asp/index.aspx" TargetMode="External"/><Relationship Id="rId16" Type="http://schemas.openxmlformats.org/officeDocument/2006/relationships/hyperlink" Target="https://www.fujino-art.jp/" TargetMode="External"/><Relationship Id="rId20" Type="http://schemas.openxmlformats.org/officeDocument/2006/relationships/hyperlink" Target="https://www.lib.sagamihara.kanagawa.jp/" TargetMode="External"/><Relationship Id="rId29" Type="http://schemas.openxmlformats.org/officeDocument/2006/relationships/printerSettings" Target="../printerSettings/printerSettings4.bin"/><Relationship Id="rId1" Type="http://schemas.openxmlformats.org/officeDocument/2006/relationships/hyperlink" Target="https://sites.google.com/sagamihara-kng.ed.jp/kazekko/" TargetMode="External"/><Relationship Id="rId6" Type="http://schemas.openxmlformats.org/officeDocument/2006/relationships/hyperlink" Target="http://www.kanagawa-park.or.jp/tsukuikoshiroyama/" TargetMode="External"/><Relationship Id="rId11" Type="http://schemas.openxmlformats.org/officeDocument/2006/relationships/hyperlink" Target="https://www.sagamihara-kouminkan.jp/f-chuuou-k/" TargetMode="External"/><Relationship Id="rId24" Type="http://schemas.openxmlformats.org/officeDocument/2006/relationships/hyperlink" Target="http://www.sagamihara.kanagawa-park.or.jp/" TargetMode="External"/><Relationship Id="rId5" Type="http://schemas.openxmlformats.org/officeDocument/2006/relationships/hyperlink" Target="http://www.kanagawa-park.or.jp/tsukuikoshiroyama/" TargetMode="External"/><Relationship Id="rId15" Type="http://schemas.openxmlformats.org/officeDocument/2006/relationships/hyperlink" Target="https://www.fujino-art.jp/" TargetMode="External"/><Relationship Id="rId23" Type="http://schemas.openxmlformats.org/officeDocument/2006/relationships/hyperlink" Target="https://www.joshibi.net/museum/jam/2025/Sensyoku2025.html" TargetMode="External"/><Relationship Id="rId28" Type="http://schemas.openxmlformats.org/officeDocument/2006/relationships/hyperlink" Target="https://www.kanagawa-kenminhall.com/d/sagamiko_ballet_2025" TargetMode="External"/><Relationship Id="rId10" Type="http://schemas.openxmlformats.org/officeDocument/2006/relationships/hyperlink" Target="http://www.kanagawa-park.or.jp/tsukuikoshiroyama/" TargetMode="External"/><Relationship Id="rId19" Type="http://schemas.openxmlformats.org/officeDocument/2006/relationships/hyperlink" Target="http://www.sagamihara.kanagawa-park.or.jp/" TargetMode="External"/><Relationship Id="rId4" Type="http://schemas.openxmlformats.org/officeDocument/2006/relationships/hyperlink" Target="http://www.kanagawa-park.or.jp/tsukuikoshiroyama/" TargetMode="External"/><Relationship Id="rId9" Type="http://schemas.openxmlformats.org/officeDocument/2006/relationships/hyperlink" Target="https://www.sagamihara-kouminkan.jp/f-chuuou-k/" TargetMode="External"/><Relationship Id="rId14" Type="http://schemas.openxmlformats.org/officeDocument/2006/relationships/hyperlink" Target="https://www.e-sagamihara.com/playing/playing-216/" TargetMode="External"/><Relationship Id="rId22" Type="http://schemas.openxmlformats.org/officeDocument/2006/relationships/hyperlink" Target="https://www.lib.sagamihara.kanagawa.jp/" TargetMode="External"/><Relationship Id="rId27" Type="http://schemas.openxmlformats.org/officeDocument/2006/relationships/hyperlink" Target="http://www.sagamihara.kanagawa-park.or.jp/" TargetMode="External"/></Relationships>
</file>

<file path=xl/worksheets/_rels/sheet5.xml.rels><?xml version="1.0" encoding="UTF-8" standalone="yes"?>
<Relationships xmlns="http://schemas.openxmlformats.org/package/2006/relationships"><Relationship Id="rId8" Type="http://schemas.openxmlformats.org/officeDocument/2006/relationships/hyperlink" Target="https://www.museum.yokosuka.kanagawa.jp/archives/event/106034?view=future" TargetMode="External"/><Relationship Id="rId13" Type="http://schemas.openxmlformats.org/officeDocument/2006/relationships/hyperlink" Target="https://www.museum.yokosuka.kanagawa.jp/archives/event/106050?view=future" TargetMode="External"/><Relationship Id="rId18" Type="http://schemas.openxmlformats.org/officeDocument/2006/relationships/printerSettings" Target="../printerSettings/printerSettings5.bin"/><Relationship Id="rId3" Type="http://schemas.openxmlformats.org/officeDocument/2006/relationships/hyperlink" Target="https://www.museum.yokosuka.kanagawa.jp/archives/event/106049?view=future" TargetMode="External"/><Relationship Id="rId7" Type="http://schemas.openxmlformats.org/officeDocument/2006/relationships/hyperlink" Target="https://www.kanagawa-kenminhall.com/d/yokosuka2025" TargetMode="External"/><Relationship Id="rId12" Type="http://schemas.openxmlformats.org/officeDocument/2006/relationships/hyperlink" Target="https://www.kanagawa-park.or.jp/kannonzaki/" TargetMode="External"/><Relationship Id="rId17" Type="http://schemas.openxmlformats.org/officeDocument/2006/relationships/hyperlink" Target="https://www.kanagawa-park.or.jp/kannonzaki/" TargetMode="External"/><Relationship Id="rId2" Type="http://schemas.openxmlformats.org/officeDocument/2006/relationships/hyperlink" Target="https://b-boardofedu.yokosukacity.andteacher.jp/modules/hp_jpage1/" TargetMode="External"/><Relationship Id="rId16" Type="http://schemas.openxmlformats.org/officeDocument/2006/relationships/hyperlink" Target="https://www.museum.yokosuka.kanagawa.jp/archives/event/106002?view=future" TargetMode="External"/><Relationship Id="rId1" Type="http://schemas.openxmlformats.org/officeDocument/2006/relationships/hyperlink" Target="https://www.museum.yokosuka.kanagawa.jp/archives/exinfo/106088" TargetMode="External"/><Relationship Id="rId6" Type="http://schemas.openxmlformats.org/officeDocument/2006/relationships/hyperlink" Target="https://www.kanagawa-park.or.jp/kannonzaki/" TargetMode="External"/><Relationship Id="rId11" Type="http://schemas.openxmlformats.org/officeDocument/2006/relationships/hyperlink" Target="https://www.yokosuka-lib.jp/" TargetMode="External"/><Relationship Id="rId5" Type="http://schemas.openxmlformats.org/officeDocument/2006/relationships/hyperlink" Target="https://www.museum.yokosuka.kanagawa.jp/archives/event/106033?view=future" TargetMode="External"/><Relationship Id="rId15" Type="http://schemas.openxmlformats.org/officeDocument/2006/relationships/hyperlink" Target="https://www.museum.yokosuka.kanagawa.jp/archives/event/105998?view=future" TargetMode="External"/><Relationship Id="rId10" Type="http://schemas.openxmlformats.org/officeDocument/2006/relationships/hyperlink" Target="https://www.kanagawa-park.or.jp/kannonzaki/" TargetMode="External"/><Relationship Id="rId4" Type="http://schemas.openxmlformats.org/officeDocument/2006/relationships/hyperlink" Target="https://www.kanagawa-park.or.jp/kannonzaki/" TargetMode="External"/><Relationship Id="rId9" Type="http://schemas.openxmlformats.org/officeDocument/2006/relationships/hyperlink" Target="https://www.kanagawa-park.or.jp/tsukayama/" TargetMode="External"/><Relationship Id="rId14" Type="http://schemas.openxmlformats.org/officeDocument/2006/relationships/hyperlink" Target="https://www.museum.yokosuka.kanagawa.jp/archives/event/105988?view=future" TargetMode="External"/></Relationships>
</file>

<file path=xl/worksheets/_rels/sheet6.xml.rels><?xml version="1.0" encoding="UTF-8" standalone="yes"?>
<Relationships xmlns="http://schemas.openxmlformats.org/package/2006/relationships"><Relationship Id="rId3" Type="http://schemas.openxmlformats.org/officeDocument/2006/relationships/printerSettings" Target="../printerSettings/printerSettings6.bin"/><Relationship Id="rId2" Type="http://schemas.openxmlformats.org/officeDocument/2006/relationships/hyperlink" Target="https://www.kanagawa-swf.or.jp/" TargetMode="External"/><Relationship Id="rId1" Type="http://schemas.openxmlformats.org/officeDocument/2006/relationships/hyperlink" Target="https://www.u-tokai.ac.jp/collaboration/local/" TargetMode="External"/></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8" Type="http://schemas.openxmlformats.org/officeDocument/2006/relationships/hyperlink" Target="https://www.kanagawa-kenminhall.com/d/opera_fujisawa" TargetMode="External"/><Relationship Id="rId13" Type="http://schemas.openxmlformats.org/officeDocument/2006/relationships/printerSettings" Target="../printerSettings/printerSettings8.bin"/><Relationship Id="rId3" Type="http://schemas.openxmlformats.org/officeDocument/2006/relationships/hyperlink" Target="https://f-mirai.jp/archives/103778" TargetMode="External"/><Relationship Id="rId7" Type="http://schemas.openxmlformats.org/officeDocument/2006/relationships/hyperlink" Target="https://shoryosai.shonan-it.ac.jp/" TargetMode="External"/><Relationship Id="rId12" Type="http://schemas.openxmlformats.org/officeDocument/2006/relationships/hyperlink" Target="https://www.s-n-p.jp/shonankaigan_park/news/" TargetMode="External"/><Relationship Id="rId2" Type="http://schemas.openxmlformats.org/officeDocument/2006/relationships/hyperlink" Target="http://www.city.fujisawa.kanagawa.jp/bunka/FAS/" TargetMode="External"/><Relationship Id="rId1" Type="http://schemas.openxmlformats.org/officeDocument/2006/relationships/hyperlink" Target="https://www.s-n-p.jp/shonankaigan_park/news/2025yoga.html" TargetMode="External"/><Relationship Id="rId6" Type="http://schemas.openxmlformats.org/officeDocument/2006/relationships/hyperlink" Target="https://www.s-n-p.jp/shonankaigan_park/news/2025yoga.html" TargetMode="External"/><Relationship Id="rId11" Type="http://schemas.openxmlformats.org/officeDocument/2006/relationships/hyperlink" Target="https://www.s-n-p.jp/shonankaigan_park/news/" TargetMode="External"/><Relationship Id="rId5" Type="http://schemas.openxmlformats.org/officeDocument/2006/relationships/hyperlink" Target="https://www.pref.kanagawa.jp/docs/tz5/cnt/f6135/index.html" TargetMode="External"/><Relationship Id="rId10" Type="http://schemas.openxmlformats.org/officeDocument/2006/relationships/hyperlink" Target="https://www.s-n-p.jp/shonankaigan_park/news/" TargetMode="External"/><Relationship Id="rId4" Type="http://schemas.openxmlformats.org/officeDocument/2006/relationships/hyperlink" Target="https://www.pref.kanagawa.jp/docs/tz5/cnt/f6135/index.html" TargetMode="External"/><Relationship Id="rId9" Type="http://schemas.openxmlformats.org/officeDocument/2006/relationships/hyperlink" Target="https://www.s-n-p.jp/shonankaigan_park/news/2025yoga.html" TargetMode="External"/></Relationships>
</file>

<file path=xl/worksheets/_rels/sheet9.xml.rels><?xml version="1.0" encoding="UTF-8" standalone="yes"?>
<Relationships xmlns="http://schemas.openxmlformats.org/package/2006/relationships"><Relationship Id="rId8" Type="http://schemas.openxmlformats.org/officeDocument/2006/relationships/hyperlink" Target="https://nh.kanagawa-museum.jp/www/contents/1748499574853/index.html" TargetMode="External"/><Relationship Id="rId13" Type="http://schemas.openxmlformats.org/officeDocument/2006/relationships/hyperlink" Target="https://nh.kanagawa-museum.jp/www/contents/1748499669133/index.html" TargetMode="External"/><Relationship Id="rId18" Type="http://schemas.openxmlformats.org/officeDocument/2006/relationships/hyperlink" Target="https://nh.kanagawa-museum.jp/www/contents/1748499989102/index.html" TargetMode="External"/><Relationship Id="rId26" Type="http://schemas.openxmlformats.org/officeDocument/2006/relationships/printerSettings" Target="../printerSettings/printerSettings9.bin"/><Relationship Id="rId3" Type="http://schemas.openxmlformats.org/officeDocument/2006/relationships/hyperlink" Target="https://nh.kanagawa-museum.jp/www/contents/1745634174267/index.html" TargetMode="External"/><Relationship Id="rId21" Type="http://schemas.openxmlformats.org/officeDocument/2006/relationships/hyperlink" Target="https://nh.kanagawa-museum.jp/www/contents/1748500144648/index.html" TargetMode="External"/><Relationship Id="rId7" Type="http://schemas.openxmlformats.org/officeDocument/2006/relationships/hyperlink" Target="https://nh.kanagawa-museum.jp/www/contents/1748499507600/index.html" TargetMode="External"/><Relationship Id="rId12" Type="http://schemas.openxmlformats.org/officeDocument/2006/relationships/hyperlink" Target="https://nh.kanagawa-museum.jp/www/contents/1748499632085/index.html" TargetMode="External"/><Relationship Id="rId17" Type="http://schemas.openxmlformats.org/officeDocument/2006/relationships/hyperlink" Target="https://nh.kanagawa-museum.jp/www/contents/1748499953275/index.html" TargetMode="External"/><Relationship Id="rId25" Type="http://schemas.openxmlformats.org/officeDocument/2006/relationships/hyperlink" Target="https://www.pref.kanagawa.jp/docs/tz5/cnt/f6135/index.html" TargetMode="External"/><Relationship Id="rId2" Type="http://schemas.openxmlformats.org/officeDocument/2006/relationships/hyperlink" Target="https://odawara-taikyo.or.jp/" TargetMode="External"/><Relationship Id="rId16" Type="http://schemas.openxmlformats.org/officeDocument/2006/relationships/hyperlink" Target="https://nh.kanagawa-museum.jp/www/contents/1748499911089/index.html" TargetMode="External"/><Relationship Id="rId20" Type="http://schemas.openxmlformats.org/officeDocument/2006/relationships/hyperlink" Target="https://nh.kanagawa-museum.jp/www/contents/1748500085835/index.html" TargetMode="External"/><Relationship Id="rId1" Type="http://schemas.openxmlformats.org/officeDocument/2006/relationships/hyperlink" Target="https://nh.kanagawa-museum.jp/www/contents/1745631008748/index.html" TargetMode="External"/><Relationship Id="rId6" Type="http://schemas.openxmlformats.org/officeDocument/2006/relationships/hyperlink" Target="https://nh.kanagawa-museum.jp/www/contents/1745641563098/index.html" TargetMode="External"/><Relationship Id="rId11" Type="http://schemas.openxmlformats.org/officeDocument/2006/relationships/hyperlink" Target="https://www.kanagawaparks.com/suwanohara/" TargetMode="External"/><Relationship Id="rId24" Type="http://schemas.openxmlformats.org/officeDocument/2006/relationships/hyperlink" Target="https://www.kanagawaparks.com/suwanohara/" TargetMode="External"/><Relationship Id="rId5" Type="http://schemas.openxmlformats.org/officeDocument/2006/relationships/hyperlink" Target="https://nh.kanagawa-museum.jp/www/contents/1745635091022/index.html" TargetMode="External"/><Relationship Id="rId15" Type="http://schemas.openxmlformats.org/officeDocument/2006/relationships/hyperlink" Target="https://www.kanagawa-swf.or.jp/" TargetMode="External"/><Relationship Id="rId23" Type="http://schemas.openxmlformats.org/officeDocument/2006/relationships/hyperlink" Target="https://www.kanagawaparks.com/suwanohara/" TargetMode="External"/><Relationship Id="rId10" Type="http://schemas.openxmlformats.org/officeDocument/2006/relationships/hyperlink" Target="https://ktm.or.jp/event/25k-12/" TargetMode="External"/><Relationship Id="rId19" Type="http://schemas.openxmlformats.org/officeDocument/2006/relationships/hyperlink" Target="https://odawara-taikyo.or.jp/" TargetMode="External"/><Relationship Id="rId4" Type="http://schemas.openxmlformats.org/officeDocument/2006/relationships/hyperlink" Target="https://www.city.odawara.kanagawa.jp/field/lifelong/youth/shidousyayousei/p39685.html" TargetMode="External"/><Relationship Id="rId9" Type="http://schemas.openxmlformats.org/officeDocument/2006/relationships/hyperlink" Target="ttps://nh.kanagawa-museum.jp/www/contents/1748499597679/index.html" TargetMode="External"/><Relationship Id="rId14" Type="http://schemas.openxmlformats.org/officeDocument/2006/relationships/hyperlink" Target="https://nh.kanagawa-museum.jp/www/contents/1748499711336/index.html" TargetMode="External"/><Relationship Id="rId22" Type="http://schemas.openxmlformats.org/officeDocument/2006/relationships/hyperlink" Target="https://www.kanagawaparks.com/suwanohara/"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8">
    <pageSetUpPr fitToPage="1"/>
  </sheetPr>
  <dimension ref="A1:P535"/>
  <sheetViews>
    <sheetView topLeftCell="D1" zoomScale="70" zoomScaleNormal="70" workbookViewId="0">
      <pane ySplit="2" topLeftCell="A118" activePane="bottomLeft" state="frozenSplit"/>
      <selection activeCell="A3" sqref="A3"/>
      <selection pane="bottomLeft" activeCell="J145" sqref="J145"/>
    </sheetView>
  </sheetViews>
  <sheetFormatPr defaultColWidth="8.77734375" defaultRowHeight="13.2" x14ac:dyDescent="0.2"/>
  <cols>
    <col min="1" max="1" width="11.6640625" style="64" bestFit="1" customWidth="1"/>
    <col min="2" max="2" width="17.21875" style="64" customWidth="1"/>
    <col min="3" max="3" width="17.109375" style="64" customWidth="1"/>
    <col min="4" max="4" width="31.6640625" style="64" customWidth="1"/>
    <col min="5" max="6" width="13.88671875" style="64" customWidth="1"/>
    <col min="7" max="7" width="13.21875" style="64" customWidth="1"/>
    <col min="8" max="8" width="15.44140625" style="64" customWidth="1"/>
    <col min="9" max="9" width="14.109375" style="64" customWidth="1"/>
    <col min="10" max="10" width="15.77734375" style="64" customWidth="1"/>
    <col min="11" max="11" width="8.77734375" style="64"/>
    <col min="12" max="12" width="10.88671875" style="64" customWidth="1"/>
    <col min="13" max="13" width="16.109375" style="64" customWidth="1"/>
    <col min="14" max="14" width="11.44140625" style="162" customWidth="1"/>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69</v>
      </c>
      <c r="N2" s="63" t="s">
        <v>51</v>
      </c>
    </row>
    <row r="3" spans="1:14" s="68" customFormat="1" ht="141" customHeight="1" thickTop="1" x14ac:dyDescent="0.2">
      <c r="A3" s="14" t="s">
        <v>24</v>
      </c>
      <c r="B3" s="14" t="s">
        <v>2142</v>
      </c>
      <c r="C3" s="16" t="s">
        <v>55</v>
      </c>
      <c r="D3" s="14" t="s">
        <v>2143</v>
      </c>
      <c r="E3" s="230">
        <v>45951</v>
      </c>
      <c r="F3" s="230">
        <v>45951</v>
      </c>
      <c r="G3" s="13" t="s">
        <v>2144</v>
      </c>
      <c r="H3" s="13" t="s">
        <v>1532</v>
      </c>
      <c r="I3" s="51" t="s">
        <v>1533</v>
      </c>
      <c r="J3" s="13" t="s">
        <v>2145</v>
      </c>
      <c r="K3" s="13" t="s">
        <v>70</v>
      </c>
      <c r="L3" s="17" t="s">
        <v>62</v>
      </c>
      <c r="M3" s="13" t="s">
        <v>1535</v>
      </c>
      <c r="N3" s="1" t="s">
        <v>2146</v>
      </c>
    </row>
    <row r="4" spans="1:14" ht="116.4" customHeight="1" x14ac:dyDescent="0.2">
      <c r="A4" s="4" t="s">
        <v>24</v>
      </c>
      <c r="B4" s="4" t="s">
        <v>126</v>
      </c>
      <c r="C4" s="6" t="s">
        <v>89</v>
      </c>
      <c r="D4" s="4" t="s">
        <v>127</v>
      </c>
      <c r="E4" s="231">
        <v>45976</v>
      </c>
      <c r="F4" s="231">
        <v>45976</v>
      </c>
      <c r="G4" s="39" t="s">
        <v>128</v>
      </c>
      <c r="H4" s="39" t="s">
        <v>129</v>
      </c>
      <c r="I4" s="39" t="s">
        <v>130</v>
      </c>
      <c r="J4" s="39" t="s">
        <v>131</v>
      </c>
      <c r="K4" s="39" t="s">
        <v>61</v>
      </c>
      <c r="L4" s="10" t="s">
        <v>62</v>
      </c>
      <c r="M4" s="39" t="s">
        <v>132</v>
      </c>
      <c r="N4" s="5"/>
    </row>
    <row r="5" spans="1:14" ht="136.19999999999999" customHeight="1" x14ac:dyDescent="0.2">
      <c r="A5" s="14" t="s">
        <v>24</v>
      </c>
      <c r="B5" s="31" t="s">
        <v>1537</v>
      </c>
      <c r="C5" s="15" t="s">
        <v>600</v>
      </c>
      <c r="D5" s="31" t="s">
        <v>1538</v>
      </c>
      <c r="E5" s="230">
        <v>45977</v>
      </c>
      <c r="F5" s="230">
        <v>45977</v>
      </c>
      <c r="G5" s="40" t="s">
        <v>1539</v>
      </c>
      <c r="H5" s="13" t="s">
        <v>1532</v>
      </c>
      <c r="I5" s="51" t="s">
        <v>1533</v>
      </c>
      <c r="J5" s="13" t="s">
        <v>1540</v>
      </c>
      <c r="K5" s="13" t="s">
        <v>70</v>
      </c>
      <c r="L5" s="17" t="s">
        <v>62</v>
      </c>
      <c r="M5" s="13" t="s">
        <v>1535</v>
      </c>
      <c r="N5" s="189" t="s">
        <v>1536</v>
      </c>
    </row>
    <row r="6" spans="1:14" ht="130.94999999999999" customHeight="1" x14ac:dyDescent="0.2">
      <c r="A6" s="14" t="s">
        <v>24</v>
      </c>
      <c r="B6" s="31" t="s">
        <v>1528</v>
      </c>
      <c r="C6" s="15" t="s">
        <v>600</v>
      </c>
      <c r="D6" s="31" t="s">
        <v>1529</v>
      </c>
      <c r="E6" s="232" t="s">
        <v>1530</v>
      </c>
      <c r="F6" s="232" t="s">
        <v>1530</v>
      </c>
      <c r="G6" s="40" t="s">
        <v>1531</v>
      </c>
      <c r="H6" s="13" t="s">
        <v>1532</v>
      </c>
      <c r="I6" s="51" t="s">
        <v>1533</v>
      </c>
      <c r="J6" s="57" t="s">
        <v>1534</v>
      </c>
      <c r="K6" s="13" t="s">
        <v>70</v>
      </c>
      <c r="L6" s="17" t="s">
        <v>62</v>
      </c>
      <c r="M6" s="13" t="s">
        <v>1535</v>
      </c>
      <c r="N6" s="189" t="s">
        <v>1536</v>
      </c>
    </row>
    <row r="7" spans="1:14" ht="195" customHeight="1" x14ac:dyDescent="0.2">
      <c r="A7" s="11" t="s">
        <v>25</v>
      </c>
      <c r="B7" s="11" t="s">
        <v>254</v>
      </c>
      <c r="C7" s="20" t="s">
        <v>55</v>
      </c>
      <c r="D7" s="11" t="s">
        <v>255</v>
      </c>
      <c r="E7" s="130">
        <v>45917</v>
      </c>
      <c r="F7" s="131">
        <v>45978</v>
      </c>
      <c r="G7" s="39" t="s">
        <v>256</v>
      </c>
      <c r="H7" s="24" t="s">
        <v>257</v>
      </c>
      <c r="I7" s="39" t="s">
        <v>258</v>
      </c>
      <c r="J7" s="50" t="s">
        <v>60</v>
      </c>
      <c r="K7" s="50" t="s">
        <v>70</v>
      </c>
      <c r="L7" s="21" t="s">
        <v>62</v>
      </c>
      <c r="M7" s="24" t="s">
        <v>259</v>
      </c>
      <c r="N7" s="2" t="s">
        <v>260</v>
      </c>
    </row>
    <row r="8" spans="1:14" ht="224.4" customHeight="1" x14ac:dyDescent="0.2">
      <c r="A8" s="11" t="s">
        <v>25</v>
      </c>
      <c r="B8" s="11" t="s">
        <v>261</v>
      </c>
      <c r="C8" s="20" t="s">
        <v>55</v>
      </c>
      <c r="D8" s="11" t="s">
        <v>262</v>
      </c>
      <c r="E8" s="136">
        <v>45917</v>
      </c>
      <c r="F8" s="136">
        <v>45978</v>
      </c>
      <c r="G8" s="39" t="s">
        <v>256</v>
      </c>
      <c r="H8" s="24" t="s">
        <v>257</v>
      </c>
      <c r="I8" s="39" t="s">
        <v>258</v>
      </c>
      <c r="J8" s="50" t="s">
        <v>60</v>
      </c>
      <c r="K8" s="50" t="s">
        <v>70</v>
      </c>
      <c r="L8" s="21" t="s">
        <v>62</v>
      </c>
      <c r="M8" s="24" t="s">
        <v>259</v>
      </c>
      <c r="N8" s="2" t="s">
        <v>260</v>
      </c>
    </row>
    <row r="9" spans="1:14" ht="267" customHeight="1" x14ac:dyDescent="0.2">
      <c r="A9" s="11" t="s">
        <v>25</v>
      </c>
      <c r="B9" s="11" t="s">
        <v>263</v>
      </c>
      <c r="C9" s="20" t="s">
        <v>55</v>
      </c>
      <c r="D9" s="11" t="s">
        <v>264</v>
      </c>
      <c r="E9" s="136">
        <v>45917</v>
      </c>
      <c r="F9" s="136">
        <v>45978</v>
      </c>
      <c r="G9" s="39" t="s">
        <v>256</v>
      </c>
      <c r="H9" s="24" t="s">
        <v>257</v>
      </c>
      <c r="I9" s="39" t="s">
        <v>258</v>
      </c>
      <c r="J9" s="50" t="s">
        <v>60</v>
      </c>
      <c r="K9" s="50" t="s">
        <v>70</v>
      </c>
      <c r="L9" s="21" t="s">
        <v>62</v>
      </c>
      <c r="M9" s="24" t="s">
        <v>259</v>
      </c>
      <c r="N9" s="2" t="s">
        <v>260</v>
      </c>
    </row>
    <row r="10" spans="1:14" ht="177" customHeight="1" x14ac:dyDescent="0.2">
      <c r="A10" s="11" t="s">
        <v>25</v>
      </c>
      <c r="B10" s="11" t="s">
        <v>265</v>
      </c>
      <c r="C10" s="20" t="s">
        <v>55</v>
      </c>
      <c r="D10" s="11" t="s">
        <v>266</v>
      </c>
      <c r="E10" s="136">
        <v>45917</v>
      </c>
      <c r="F10" s="136">
        <v>45978</v>
      </c>
      <c r="G10" s="39" t="s">
        <v>256</v>
      </c>
      <c r="H10" s="24" t="s">
        <v>257</v>
      </c>
      <c r="I10" s="39" t="s">
        <v>258</v>
      </c>
      <c r="J10" s="50" t="s">
        <v>60</v>
      </c>
      <c r="K10" s="50" t="s">
        <v>70</v>
      </c>
      <c r="L10" s="21" t="s">
        <v>62</v>
      </c>
      <c r="M10" s="24" t="s">
        <v>259</v>
      </c>
      <c r="N10" s="2" t="s">
        <v>260</v>
      </c>
    </row>
    <row r="11" spans="1:14" ht="190.95" customHeight="1" x14ac:dyDescent="0.2">
      <c r="A11" s="11" t="s">
        <v>25</v>
      </c>
      <c r="B11" s="11" t="s">
        <v>267</v>
      </c>
      <c r="C11" s="20" t="s">
        <v>55</v>
      </c>
      <c r="D11" s="11" t="s">
        <v>268</v>
      </c>
      <c r="E11" s="136">
        <v>45917</v>
      </c>
      <c r="F11" s="136">
        <v>45978</v>
      </c>
      <c r="G11" s="39" t="s">
        <v>256</v>
      </c>
      <c r="H11" s="24" t="s">
        <v>257</v>
      </c>
      <c r="I11" s="39" t="s">
        <v>258</v>
      </c>
      <c r="J11" s="50" t="s">
        <v>60</v>
      </c>
      <c r="K11" s="50" t="s">
        <v>70</v>
      </c>
      <c r="L11" s="21" t="s">
        <v>62</v>
      </c>
      <c r="M11" s="24" t="s">
        <v>259</v>
      </c>
      <c r="N11" s="2" t="s">
        <v>260</v>
      </c>
    </row>
    <row r="12" spans="1:14" ht="175.95" customHeight="1" x14ac:dyDescent="0.2">
      <c r="A12" s="11" t="s">
        <v>25</v>
      </c>
      <c r="B12" s="11" t="s">
        <v>269</v>
      </c>
      <c r="C12" s="20" t="s">
        <v>55</v>
      </c>
      <c r="D12" s="11" t="s">
        <v>270</v>
      </c>
      <c r="E12" s="136">
        <v>45917</v>
      </c>
      <c r="F12" s="136">
        <v>45978</v>
      </c>
      <c r="G12" s="39" t="s">
        <v>256</v>
      </c>
      <c r="H12" s="24" t="s">
        <v>257</v>
      </c>
      <c r="I12" s="39" t="s">
        <v>258</v>
      </c>
      <c r="J12" s="50" t="s">
        <v>60</v>
      </c>
      <c r="K12" s="50" t="s">
        <v>70</v>
      </c>
      <c r="L12" s="21" t="s">
        <v>62</v>
      </c>
      <c r="M12" s="24" t="s">
        <v>259</v>
      </c>
      <c r="N12" s="2" t="s">
        <v>260</v>
      </c>
    </row>
    <row r="13" spans="1:14" ht="305.39999999999998" customHeight="1" x14ac:dyDescent="0.2">
      <c r="A13" s="11" t="s">
        <v>25</v>
      </c>
      <c r="B13" s="11" t="s">
        <v>271</v>
      </c>
      <c r="C13" s="20" t="s">
        <v>55</v>
      </c>
      <c r="D13" s="11" t="s">
        <v>272</v>
      </c>
      <c r="E13" s="136">
        <v>45917</v>
      </c>
      <c r="F13" s="136">
        <v>45978</v>
      </c>
      <c r="G13" s="39" t="s">
        <v>256</v>
      </c>
      <c r="H13" s="24" t="s">
        <v>257</v>
      </c>
      <c r="I13" s="39" t="s">
        <v>258</v>
      </c>
      <c r="J13" s="50" t="s">
        <v>60</v>
      </c>
      <c r="K13" s="50" t="s">
        <v>70</v>
      </c>
      <c r="L13" s="21" t="s">
        <v>62</v>
      </c>
      <c r="M13" s="24" t="s">
        <v>259</v>
      </c>
      <c r="N13" s="2" t="s">
        <v>260</v>
      </c>
    </row>
    <row r="14" spans="1:14" ht="249.6" customHeight="1" x14ac:dyDescent="0.2">
      <c r="A14" s="11" t="s">
        <v>25</v>
      </c>
      <c r="B14" s="11" t="s">
        <v>273</v>
      </c>
      <c r="C14" s="20" t="s">
        <v>55</v>
      </c>
      <c r="D14" s="11" t="s">
        <v>274</v>
      </c>
      <c r="E14" s="130">
        <v>45917</v>
      </c>
      <c r="F14" s="131">
        <v>45978</v>
      </c>
      <c r="G14" s="39" t="s">
        <v>256</v>
      </c>
      <c r="H14" s="24" t="s">
        <v>257</v>
      </c>
      <c r="I14" s="39" t="s">
        <v>258</v>
      </c>
      <c r="J14" s="50" t="s">
        <v>60</v>
      </c>
      <c r="K14" s="50" t="s">
        <v>70</v>
      </c>
      <c r="L14" s="21" t="s">
        <v>62</v>
      </c>
      <c r="M14" s="24" t="s">
        <v>259</v>
      </c>
      <c r="N14" s="2" t="s">
        <v>260</v>
      </c>
    </row>
    <row r="15" spans="1:14" ht="187.2" customHeight="1" x14ac:dyDescent="0.2">
      <c r="A15" s="11" t="s">
        <v>25</v>
      </c>
      <c r="B15" s="11" t="s">
        <v>275</v>
      </c>
      <c r="C15" s="20" t="s">
        <v>55</v>
      </c>
      <c r="D15" s="11" t="s">
        <v>276</v>
      </c>
      <c r="E15" s="130">
        <v>45917</v>
      </c>
      <c r="F15" s="131">
        <v>45978</v>
      </c>
      <c r="G15" s="39" t="s">
        <v>256</v>
      </c>
      <c r="H15" s="24" t="s">
        <v>257</v>
      </c>
      <c r="I15" s="39" t="s">
        <v>258</v>
      </c>
      <c r="J15" s="50" t="s">
        <v>60</v>
      </c>
      <c r="K15" s="50" t="s">
        <v>70</v>
      </c>
      <c r="L15" s="21" t="s">
        <v>62</v>
      </c>
      <c r="M15" s="24" t="s">
        <v>259</v>
      </c>
      <c r="N15" s="2" t="s">
        <v>260</v>
      </c>
    </row>
    <row r="16" spans="1:14" ht="195" customHeight="1" x14ac:dyDescent="0.2">
      <c r="A16" s="11" t="s">
        <v>25</v>
      </c>
      <c r="B16" s="11" t="s">
        <v>277</v>
      </c>
      <c r="C16" s="20" t="s">
        <v>55</v>
      </c>
      <c r="D16" s="11" t="s">
        <v>278</v>
      </c>
      <c r="E16" s="136">
        <v>45917</v>
      </c>
      <c r="F16" s="136">
        <v>45978</v>
      </c>
      <c r="G16" s="39" t="s">
        <v>256</v>
      </c>
      <c r="H16" s="24" t="s">
        <v>257</v>
      </c>
      <c r="I16" s="39" t="s">
        <v>258</v>
      </c>
      <c r="J16" s="50" t="s">
        <v>60</v>
      </c>
      <c r="K16" s="50" t="s">
        <v>70</v>
      </c>
      <c r="L16" s="21" t="s">
        <v>62</v>
      </c>
      <c r="M16" s="24" t="s">
        <v>259</v>
      </c>
      <c r="N16" s="2" t="s">
        <v>260</v>
      </c>
    </row>
    <row r="17" spans="1:14" ht="257.39999999999998" customHeight="1" x14ac:dyDescent="0.2">
      <c r="A17" s="11" t="s">
        <v>25</v>
      </c>
      <c r="B17" s="11" t="s">
        <v>279</v>
      </c>
      <c r="C17" s="20" t="s">
        <v>55</v>
      </c>
      <c r="D17" s="11" t="s">
        <v>280</v>
      </c>
      <c r="E17" s="130">
        <v>45917</v>
      </c>
      <c r="F17" s="130">
        <v>45978</v>
      </c>
      <c r="G17" s="39" t="s">
        <v>256</v>
      </c>
      <c r="H17" s="24" t="s">
        <v>257</v>
      </c>
      <c r="I17" s="39" t="s">
        <v>258</v>
      </c>
      <c r="J17" s="50" t="s">
        <v>60</v>
      </c>
      <c r="K17" s="50" t="s">
        <v>70</v>
      </c>
      <c r="L17" s="21" t="s">
        <v>62</v>
      </c>
      <c r="M17" s="24" t="s">
        <v>259</v>
      </c>
      <c r="N17" s="2" t="s">
        <v>260</v>
      </c>
    </row>
    <row r="18" spans="1:14" ht="167.4" customHeight="1" x14ac:dyDescent="0.2">
      <c r="A18" s="11" t="s">
        <v>25</v>
      </c>
      <c r="B18" s="11" t="s">
        <v>281</v>
      </c>
      <c r="C18" s="20" t="s">
        <v>55</v>
      </c>
      <c r="D18" s="11" t="s">
        <v>282</v>
      </c>
      <c r="E18" s="130">
        <v>45917</v>
      </c>
      <c r="F18" s="131">
        <v>45978</v>
      </c>
      <c r="G18" s="39" t="s">
        <v>256</v>
      </c>
      <c r="H18" s="24" t="s">
        <v>257</v>
      </c>
      <c r="I18" s="39" t="s">
        <v>258</v>
      </c>
      <c r="J18" s="50" t="s">
        <v>60</v>
      </c>
      <c r="K18" s="50" t="s">
        <v>70</v>
      </c>
      <c r="L18" s="21" t="s">
        <v>62</v>
      </c>
      <c r="M18" s="24" t="s">
        <v>259</v>
      </c>
      <c r="N18" s="2" t="s">
        <v>260</v>
      </c>
    </row>
    <row r="19" spans="1:14" ht="253.2" customHeight="1" x14ac:dyDescent="0.2">
      <c r="A19" s="11" t="s">
        <v>25</v>
      </c>
      <c r="B19" s="11" t="s">
        <v>283</v>
      </c>
      <c r="C19" s="20" t="s">
        <v>55</v>
      </c>
      <c r="D19" s="11" t="s">
        <v>284</v>
      </c>
      <c r="E19" s="136">
        <v>45917</v>
      </c>
      <c r="F19" s="136">
        <v>45978</v>
      </c>
      <c r="G19" s="39" t="s">
        <v>256</v>
      </c>
      <c r="H19" s="24" t="s">
        <v>257</v>
      </c>
      <c r="I19" s="39" t="s">
        <v>258</v>
      </c>
      <c r="J19" s="50" t="s">
        <v>60</v>
      </c>
      <c r="K19" s="50" t="s">
        <v>70</v>
      </c>
      <c r="L19" s="21" t="s">
        <v>62</v>
      </c>
      <c r="M19" s="24" t="s">
        <v>259</v>
      </c>
      <c r="N19" s="2" t="s">
        <v>260</v>
      </c>
    </row>
    <row r="20" spans="1:14" ht="201.6" customHeight="1" x14ac:dyDescent="0.2">
      <c r="A20" s="11" t="s">
        <v>25</v>
      </c>
      <c r="B20" s="11" t="s">
        <v>285</v>
      </c>
      <c r="C20" s="20" t="s">
        <v>55</v>
      </c>
      <c r="D20" s="11" t="s">
        <v>286</v>
      </c>
      <c r="E20" s="136">
        <v>45917</v>
      </c>
      <c r="F20" s="136">
        <v>45978</v>
      </c>
      <c r="G20" s="39" t="s">
        <v>256</v>
      </c>
      <c r="H20" s="24" t="s">
        <v>257</v>
      </c>
      <c r="I20" s="39" t="s">
        <v>258</v>
      </c>
      <c r="J20" s="50" t="s">
        <v>60</v>
      </c>
      <c r="K20" s="50" t="s">
        <v>70</v>
      </c>
      <c r="L20" s="21" t="s">
        <v>62</v>
      </c>
      <c r="M20" s="24" t="s">
        <v>259</v>
      </c>
      <c r="N20" s="2" t="s">
        <v>260</v>
      </c>
    </row>
    <row r="21" spans="1:14" ht="201.6" customHeight="1" x14ac:dyDescent="0.2">
      <c r="A21" s="11" t="s">
        <v>25</v>
      </c>
      <c r="B21" s="11" t="s">
        <v>287</v>
      </c>
      <c r="C21" s="20" t="s">
        <v>55</v>
      </c>
      <c r="D21" s="11" t="s">
        <v>288</v>
      </c>
      <c r="E21" s="130">
        <v>45917</v>
      </c>
      <c r="F21" s="131">
        <v>45978</v>
      </c>
      <c r="G21" s="39" t="s">
        <v>256</v>
      </c>
      <c r="H21" s="24" t="s">
        <v>257</v>
      </c>
      <c r="I21" s="39" t="s">
        <v>258</v>
      </c>
      <c r="J21" s="50" t="s">
        <v>60</v>
      </c>
      <c r="K21" s="50" t="s">
        <v>70</v>
      </c>
      <c r="L21" s="21" t="s">
        <v>62</v>
      </c>
      <c r="M21" s="24" t="s">
        <v>259</v>
      </c>
      <c r="N21" s="2" t="s">
        <v>260</v>
      </c>
    </row>
    <row r="22" spans="1:14" ht="228" customHeight="1" x14ac:dyDescent="0.2">
      <c r="A22" s="11" t="s">
        <v>25</v>
      </c>
      <c r="B22" s="11" t="s">
        <v>289</v>
      </c>
      <c r="C22" s="20" t="s">
        <v>55</v>
      </c>
      <c r="D22" s="11" t="s">
        <v>290</v>
      </c>
      <c r="E22" s="130">
        <v>45917</v>
      </c>
      <c r="F22" s="131">
        <v>45978</v>
      </c>
      <c r="G22" s="39" t="s">
        <v>256</v>
      </c>
      <c r="H22" s="24" t="s">
        <v>257</v>
      </c>
      <c r="I22" s="39" t="s">
        <v>258</v>
      </c>
      <c r="J22" s="50" t="s">
        <v>60</v>
      </c>
      <c r="K22" s="50" t="s">
        <v>70</v>
      </c>
      <c r="L22" s="21" t="s">
        <v>62</v>
      </c>
      <c r="M22" s="24" t="s">
        <v>259</v>
      </c>
      <c r="N22" s="2" t="s">
        <v>260</v>
      </c>
    </row>
    <row r="23" spans="1:14" ht="249.6" customHeight="1" x14ac:dyDescent="0.2">
      <c r="A23" s="11" t="s">
        <v>25</v>
      </c>
      <c r="B23" s="11" t="s">
        <v>291</v>
      </c>
      <c r="C23" s="20" t="s">
        <v>55</v>
      </c>
      <c r="D23" s="11" t="s">
        <v>292</v>
      </c>
      <c r="E23" s="136">
        <v>45917</v>
      </c>
      <c r="F23" s="136">
        <v>45978</v>
      </c>
      <c r="G23" s="39" t="s">
        <v>256</v>
      </c>
      <c r="H23" s="24" t="s">
        <v>257</v>
      </c>
      <c r="I23" s="39" t="s">
        <v>258</v>
      </c>
      <c r="J23" s="50" t="s">
        <v>60</v>
      </c>
      <c r="K23" s="50" t="s">
        <v>70</v>
      </c>
      <c r="L23" s="21" t="s">
        <v>62</v>
      </c>
      <c r="M23" s="24" t="s">
        <v>259</v>
      </c>
      <c r="N23" s="2" t="s">
        <v>260</v>
      </c>
    </row>
    <row r="24" spans="1:14" ht="207.6" customHeight="1" x14ac:dyDescent="0.2">
      <c r="A24" s="11" t="s">
        <v>25</v>
      </c>
      <c r="B24" s="11" t="s">
        <v>293</v>
      </c>
      <c r="C24" s="20" t="s">
        <v>55</v>
      </c>
      <c r="D24" s="11" t="s">
        <v>294</v>
      </c>
      <c r="E24" s="130">
        <v>45917</v>
      </c>
      <c r="F24" s="131">
        <v>45978</v>
      </c>
      <c r="G24" s="39" t="s">
        <v>256</v>
      </c>
      <c r="H24" s="24" t="s">
        <v>257</v>
      </c>
      <c r="I24" s="39" t="s">
        <v>258</v>
      </c>
      <c r="J24" s="50" t="s">
        <v>60</v>
      </c>
      <c r="K24" s="50" t="s">
        <v>70</v>
      </c>
      <c r="L24" s="21" t="s">
        <v>62</v>
      </c>
      <c r="M24" s="24" t="s">
        <v>259</v>
      </c>
      <c r="N24" s="2" t="s">
        <v>260</v>
      </c>
    </row>
    <row r="25" spans="1:14" ht="207.6" customHeight="1" x14ac:dyDescent="0.2">
      <c r="A25" s="11" t="s">
        <v>25</v>
      </c>
      <c r="B25" s="11" t="s">
        <v>295</v>
      </c>
      <c r="C25" s="20" t="s">
        <v>55</v>
      </c>
      <c r="D25" s="11" t="s">
        <v>296</v>
      </c>
      <c r="E25" s="136">
        <v>45917</v>
      </c>
      <c r="F25" s="136">
        <v>45978</v>
      </c>
      <c r="G25" s="39" t="s">
        <v>256</v>
      </c>
      <c r="H25" s="24" t="s">
        <v>257</v>
      </c>
      <c r="I25" s="39" t="s">
        <v>258</v>
      </c>
      <c r="J25" s="50" t="s">
        <v>60</v>
      </c>
      <c r="K25" s="50" t="s">
        <v>70</v>
      </c>
      <c r="L25" s="21" t="s">
        <v>62</v>
      </c>
      <c r="M25" s="24" t="s">
        <v>259</v>
      </c>
      <c r="N25" s="2" t="s">
        <v>260</v>
      </c>
    </row>
    <row r="26" spans="1:14" ht="162.6" customHeight="1" x14ac:dyDescent="0.2">
      <c r="A26" s="11" t="s">
        <v>25</v>
      </c>
      <c r="B26" s="11" t="s">
        <v>297</v>
      </c>
      <c r="C26" s="20" t="s">
        <v>55</v>
      </c>
      <c r="D26" s="11" t="s">
        <v>298</v>
      </c>
      <c r="E26" s="130">
        <v>45917</v>
      </c>
      <c r="F26" s="131">
        <v>45978</v>
      </c>
      <c r="G26" s="39" t="s">
        <v>256</v>
      </c>
      <c r="H26" s="24" t="s">
        <v>257</v>
      </c>
      <c r="I26" s="39" t="s">
        <v>258</v>
      </c>
      <c r="J26" s="50" t="s">
        <v>60</v>
      </c>
      <c r="K26" s="50" t="s">
        <v>70</v>
      </c>
      <c r="L26" s="21" t="s">
        <v>62</v>
      </c>
      <c r="M26" s="24" t="s">
        <v>259</v>
      </c>
      <c r="N26" s="2" t="s">
        <v>260</v>
      </c>
    </row>
    <row r="27" spans="1:14" ht="162.6" customHeight="1" x14ac:dyDescent="0.2">
      <c r="A27" s="11" t="s">
        <v>25</v>
      </c>
      <c r="B27" s="11" t="s">
        <v>299</v>
      </c>
      <c r="C27" s="20" t="s">
        <v>55</v>
      </c>
      <c r="D27" s="11" t="s">
        <v>300</v>
      </c>
      <c r="E27" s="130">
        <v>45917</v>
      </c>
      <c r="F27" s="131">
        <v>45978</v>
      </c>
      <c r="G27" s="39" t="s">
        <v>256</v>
      </c>
      <c r="H27" s="24" t="s">
        <v>257</v>
      </c>
      <c r="I27" s="39" t="s">
        <v>258</v>
      </c>
      <c r="J27" s="50" t="s">
        <v>60</v>
      </c>
      <c r="K27" s="50" t="s">
        <v>70</v>
      </c>
      <c r="L27" s="21" t="s">
        <v>62</v>
      </c>
      <c r="M27" s="24" t="s">
        <v>259</v>
      </c>
      <c r="N27" s="2" t="s">
        <v>260</v>
      </c>
    </row>
    <row r="28" spans="1:14" ht="244.2" customHeight="1" x14ac:dyDescent="0.2">
      <c r="A28" s="11" t="s">
        <v>25</v>
      </c>
      <c r="B28" s="11" t="s">
        <v>301</v>
      </c>
      <c r="C28" s="20" t="s">
        <v>55</v>
      </c>
      <c r="D28" s="95" t="s">
        <v>302</v>
      </c>
      <c r="E28" s="130">
        <v>45917</v>
      </c>
      <c r="F28" s="131">
        <v>45978</v>
      </c>
      <c r="G28" s="39" t="s">
        <v>256</v>
      </c>
      <c r="H28" s="24" t="s">
        <v>257</v>
      </c>
      <c r="I28" s="39" t="s">
        <v>258</v>
      </c>
      <c r="J28" s="50" t="s">
        <v>60</v>
      </c>
      <c r="K28" s="50" t="s">
        <v>70</v>
      </c>
      <c r="L28" s="21" t="s">
        <v>62</v>
      </c>
      <c r="M28" s="24" t="s">
        <v>259</v>
      </c>
      <c r="N28" s="2" t="s">
        <v>260</v>
      </c>
    </row>
    <row r="29" spans="1:14" ht="238.2" customHeight="1" x14ac:dyDescent="0.2">
      <c r="A29" s="11" t="s">
        <v>25</v>
      </c>
      <c r="B29" s="11" t="s">
        <v>303</v>
      </c>
      <c r="C29" s="20" t="s">
        <v>55</v>
      </c>
      <c r="D29" s="11" t="s">
        <v>304</v>
      </c>
      <c r="E29" s="130">
        <v>45917</v>
      </c>
      <c r="F29" s="131">
        <v>45978</v>
      </c>
      <c r="G29" s="39" t="s">
        <v>256</v>
      </c>
      <c r="H29" s="24" t="s">
        <v>257</v>
      </c>
      <c r="I29" s="39" t="s">
        <v>258</v>
      </c>
      <c r="J29" s="50" t="s">
        <v>60</v>
      </c>
      <c r="K29" s="50" t="s">
        <v>70</v>
      </c>
      <c r="L29" s="21" t="s">
        <v>62</v>
      </c>
      <c r="M29" s="24" t="s">
        <v>259</v>
      </c>
      <c r="N29" s="2" t="s">
        <v>260</v>
      </c>
    </row>
    <row r="30" spans="1:14" ht="241.95" customHeight="1" x14ac:dyDescent="0.2">
      <c r="A30" s="11" t="s">
        <v>25</v>
      </c>
      <c r="B30" s="11" t="s">
        <v>305</v>
      </c>
      <c r="C30" s="20" t="s">
        <v>55</v>
      </c>
      <c r="D30" s="11" t="s">
        <v>306</v>
      </c>
      <c r="E30" s="136">
        <v>45917</v>
      </c>
      <c r="F30" s="136">
        <v>45978</v>
      </c>
      <c r="G30" s="39" t="s">
        <v>256</v>
      </c>
      <c r="H30" s="24" t="s">
        <v>257</v>
      </c>
      <c r="I30" s="39" t="s">
        <v>258</v>
      </c>
      <c r="J30" s="50" t="s">
        <v>60</v>
      </c>
      <c r="K30" s="50" t="s">
        <v>70</v>
      </c>
      <c r="L30" s="21" t="s">
        <v>62</v>
      </c>
      <c r="M30" s="24" t="s">
        <v>259</v>
      </c>
      <c r="N30" s="2" t="s">
        <v>260</v>
      </c>
    </row>
    <row r="31" spans="1:14" ht="262.2" customHeight="1" x14ac:dyDescent="0.2">
      <c r="A31" s="11" t="s">
        <v>25</v>
      </c>
      <c r="B31" s="11" t="s">
        <v>307</v>
      </c>
      <c r="C31" s="20" t="s">
        <v>55</v>
      </c>
      <c r="D31" s="11" t="s">
        <v>308</v>
      </c>
      <c r="E31" s="130">
        <v>45917</v>
      </c>
      <c r="F31" s="131">
        <v>45978</v>
      </c>
      <c r="G31" s="39" t="s">
        <v>256</v>
      </c>
      <c r="H31" s="24" t="s">
        <v>257</v>
      </c>
      <c r="I31" s="39" t="s">
        <v>258</v>
      </c>
      <c r="J31" s="50" t="s">
        <v>60</v>
      </c>
      <c r="K31" s="50" t="s">
        <v>70</v>
      </c>
      <c r="L31" s="21" t="s">
        <v>62</v>
      </c>
      <c r="M31" s="24" t="s">
        <v>259</v>
      </c>
      <c r="N31" s="2" t="s">
        <v>260</v>
      </c>
    </row>
    <row r="32" spans="1:14" ht="196.2" customHeight="1" x14ac:dyDescent="0.2">
      <c r="A32" s="11" t="s">
        <v>25</v>
      </c>
      <c r="B32" s="11" t="s">
        <v>309</v>
      </c>
      <c r="C32" s="20" t="s">
        <v>55</v>
      </c>
      <c r="D32" s="11" t="s">
        <v>310</v>
      </c>
      <c r="E32" s="136">
        <v>45917</v>
      </c>
      <c r="F32" s="136">
        <v>45978</v>
      </c>
      <c r="G32" s="190" t="s">
        <v>311</v>
      </c>
      <c r="H32" s="43" t="s">
        <v>312</v>
      </c>
      <c r="I32" s="190" t="s">
        <v>258</v>
      </c>
      <c r="J32" s="191" t="s">
        <v>60</v>
      </c>
      <c r="K32" s="191" t="s">
        <v>70</v>
      </c>
      <c r="L32" s="192" t="s">
        <v>62</v>
      </c>
      <c r="M32" s="43" t="s">
        <v>259</v>
      </c>
      <c r="N32" s="27" t="s">
        <v>260</v>
      </c>
    </row>
    <row r="33" spans="1:14" ht="194.4" customHeight="1" x14ac:dyDescent="0.2">
      <c r="A33" s="11" t="s">
        <v>25</v>
      </c>
      <c r="B33" s="11" t="s">
        <v>313</v>
      </c>
      <c r="C33" s="20" t="s">
        <v>55</v>
      </c>
      <c r="D33" s="11" t="s">
        <v>314</v>
      </c>
      <c r="E33" s="154">
        <v>45934</v>
      </c>
      <c r="F33" s="154">
        <v>45934</v>
      </c>
      <c r="G33" s="39" t="s">
        <v>256</v>
      </c>
      <c r="H33" s="24" t="s">
        <v>257</v>
      </c>
      <c r="I33" s="39" t="s">
        <v>258</v>
      </c>
      <c r="J33" s="24" t="s">
        <v>315</v>
      </c>
      <c r="K33" s="50" t="s">
        <v>70</v>
      </c>
      <c r="L33" s="21" t="s">
        <v>62</v>
      </c>
      <c r="M33" s="24" t="s">
        <v>259</v>
      </c>
      <c r="N33" s="2" t="s">
        <v>260</v>
      </c>
    </row>
    <row r="34" spans="1:14" ht="167.4" customHeight="1" x14ac:dyDescent="0.2">
      <c r="A34" s="4" t="s">
        <v>25</v>
      </c>
      <c r="B34" s="4" t="s">
        <v>149</v>
      </c>
      <c r="C34" s="6" t="s">
        <v>55</v>
      </c>
      <c r="D34" s="4" t="s">
        <v>150</v>
      </c>
      <c r="E34" s="231">
        <v>45940</v>
      </c>
      <c r="F34" s="231">
        <v>45996</v>
      </c>
      <c r="G34" s="39" t="s">
        <v>144</v>
      </c>
      <c r="H34" s="39" t="s">
        <v>145</v>
      </c>
      <c r="I34" s="39" t="s">
        <v>146</v>
      </c>
      <c r="J34" s="39" t="s">
        <v>125</v>
      </c>
      <c r="K34" s="39" t="s">
        <v>70</v>
      </c>
      <c r="L34" s="10" t="s">
        <v>62</v>
      </c>
      <c r="M34" s="39" t="s">
        <v>147</v>
      </c>
      <c r="N34" s="2" t="s">
        <v>151</v>
      </c>
    </row>
    <row r="35" spans="1:14" ht="167.4" customHeight="1" x14ac:dyDescent="0.2">
      <c r="A35" s="11" t="s">
        <v>25</v>
      </c>
      <c r="B35" s="11" t="s">
        <v>316</v>
      </c>
      <c r="C35" s="20" t="s">
        <v>55</v>
      </c>
      <c r="D35" s="11" t="s">
        <v>317</v>
      </c>
      <c r="E35" s="154">
        <v>45940</v>
      </c>
      <c r="F35" s="154">
        <v>45996</v>
      </c>
      <c r="G35" s="39" t="s">
        <v>256</v>
      </c>
      <c r="H35" s="24" t="s">
        <v>257</v>
      </c>
      <c r="I35" s="39" t="s">
        <v>258</v>
      </c>
      <c r="J35" s="50" t="s">
        <v>60</v>
      </c>
      <c r="K35" s="50" t="s">
        <v>70</v>
      </c>
      <c r="L35" s="21" t="s">
        <v>62</v>
      </c>
      <c r="M35" s="24" t="s">
        <v>259</v>
      </c>
      <c r="N35" s="2" t="s">
        <v>260</v>
      </c>
    </row>
    <row r="36" spans="1:14" ht="167.4" customHeight="1" x14ac:dyDescent="0.2">
      <c r="A36" s="11" t="s">
        <v>25</v>
      </c>
      <c r="B36" s="11" t="s">
        <v>318</v>
      </c>
      <c r="C36" s="20" t="s">
        <v>55</v>
      </c>
      <c r="D36" s="11" t="s">
        <v>319</v>
      </c>
      <c r="E36" s="154">
        <v>45940</v>
      </c>
      <c r="F36" s="154">
        <v>45996</v>
      </c>
      <c r="G36" s="39" t="s">
        <v>256</v>
      </c>
      <c r="H36" s="24" t="s">
        <v>257</v>
      </c>
      <c r="I36" s="39" t="s">
        <v>258</v>
      </c>
      <c r="J36" s="50" t="s">
        <v>60</v>
      </c>
      <c r="K36" s="50" t="s">
        <v>70</v>
      </c>
      <c r="L36" s="21" t="s">
        <v>62</v>
      </c>
      <c r="M36" s="24" t="s">
        <v>259</v>
      </c>
      <c r="N36" s="2" t="s">
        <v>260</v>
      </c>
    </row>
    <row r="37" spans="1:14" ht="105.6" x14ac:dyDescent="0.2">
      <c r="A37" s="4" t="s">
        <v>25</v>
      </c>
      <c r="B37" s="4" t="s">
        <v>1566</v>
      </c>
      <c r="C37" s="6" t="s">
        <v>41</v>
      </c>
      <c r="D37" s="4" t="s">
        <v>1567</v>
      </c>
      <c r="E37" s="231">
        <v>45941</v>
      </c>
      <c r="F37" s="231">
        <v>45941</v>
      </c>
      <c r="G37" s="39" t="s">
        <v>1568</v>
      </c>
      <c r="H37" s="39" t="s">
        <v>1569</v>
      </c>
      <c r="I37" s="39" t="s">
        <v>1570</v>
      </c>
      <c r="J37" s="39" t="s">
        <v>1571</v>
      </c>
      <c r="K37" s="39" t="s">
        <v>70</v>
      </c>
      <c r="L37" s="10" t="s">
        <v>62</v>
      </c>
      <c r="M37" s="39" t="s">
        <v>1572</v>
      </c>
      <c r="N37" s="2" t="s">
        <v>1573</v>
      </c>
    </row>
    <row r="38" spans="1:14" ht="210.6" customHeight="1" x14ac:dyDescent="0.2">
      <c r="A38" s="11" t="s">
        <v>25</v>
      </c>
      <c r="B38" s="11" t="s">
        <v>1541</v>
      </c>
      <c r="C38" s="20" t="s">
        <v>600</v>
      </c>
      <c r="D38" s="11" t="s">
        <v>1542</v>
      </c>
      <c r="E38" s="233">
        <v>45943</v>
      </c>
      <c r="F38" s="233">
        <v>45943</v>
      </c>
      <c r="G38" s="50" t="s">
        <v>1543</v>
      </c>
      <c r="H38" s="50" t="s">
        <v>1544</v>
      </c>
      <c r="I38" s="50" t="s">
        <v>1545</v>
      </c>
      <c r="J38" s="50" t="s">
        <v>1546</v>
      </c>
      <c r="K38" s="50" t="s">
        <v>61</v>
      </c>
      <c r="L38" s="70" t="s">
        <v>85</v>
      </c>
      <c r="M38" s="50" t="s">
        <v>1547</v>
      </c>
      <c r="N38" s="2" t="s">
        <v>1548</v>
      </c>
    </row>
    <row r="39" spans="1:14" ht="210.6" customHeight="1" x14ac:dyDescent="0.2">
      <c r="A39" s="11" t="s">
        <v>25</v>
      </c>
      <c r="B39" s="11" t="s">
        <v>320</v>
      </c>
      <c r="C39" s="20" t="s">
        <v>55</v>
      </c>
      <c r="D39" s="11" t="s">
        <v>321</v>
      </c>
      <c r="E39" s="154">
        <v>45946</v>
      </c>
      <c r="F39" s="154">
        <v>45946</v>
      </c>
      <c r="G39" s="39" t="s">
        <v>322</v>
      </c>
      <c r="H39" s="24" t="s">
        <v>323</v>
      </c>
      <c r="I39" s="39" t="s">
        <v>258</v>
      </c>
      <c r="J39" s="24" t="s">
        <v>315</v>
      </c>
      <c r="K39" s="50" t="s">
        <v>70</v>
      </c>
      <c r="L39" s="21" t="s">
        <v>62</v>
      </c>
      <c r="M39" s="24" t="s">
        <v>259</v>
      </c>
      <c r="N39" s="2" t="s">
        <v>260</v>
      </c>
    </row>
    <row r="40" spans="1:14" ht="243" customHeight="1" x14ac:dyDescent="0.2">
      <c r="A40" s="11" t="s">
        <v>25</v>
      </c>
      <c r="B40" s="11" t="s">
        <v>326</v>
      </c>
      <c r="C40" s="20" t="s">
        <v>55</v>
      </c>
      <c r="D40" s="11" t="s">
        <v>327</v>
      </c>
      <c r="E40" s="154">
        <v>45953</v>
      </c>
      <c r="F40" s="154">
        <v>45953</v>
      </c>
      <c r="G40" s="39" t="s">
        <v>328</v>
      </c>
      <c r="H40" s="24" t="s">
        <v>329</v>
      </c>
      <c r="I40" s="39" t="s">
        <v>258</v>
      </c>
      <c r="J40" s="50" t="s">
        <v>60</v>
      </c>
      <c r="K40" s="50" t="s">
        <v>70</v>
      </c>
      <c r="L40" s="21" t="s">
        <v>62</v>
      </c>
      <c r="M40" s="24" t="s">
        <v>259</v>
      </c>
      <c r="N40" s="2" t="s">
        <v>260</v>
      </c>
    </row>
    <row r="41" spans="1:14" ht="274.8" customHeight="1" x14ac:dyDescent="0.2">
      <c r="A41" s="11" t="s">
        <v>25</v>
      </c>
      <c r="B41" s="11" t="s">
        <v>324</v>
      </c>
      <c r="C41" s="20" t="s">
        <v>55</v>
      </c>
      <c r="D41" s="11" t="s">
        <v>325</v>
      </c>
      <c r="E41" s="154">
        <v>45953</v>
      </c>
      <c r="F41" s="154">
        <v>46009</v>
      </c>
      <c r="G41" s="39" t="s">
        <v>256</v>
      </c>
      <c r="H41" s="24" t="s">
        <v>257</v>
      </c>
      <c r="I41" s="39" t="s">
        <v>258</v>
      </c>
      <c r="J41" s="50" t="s">
        <v>60</v>
      </c>
      <c r="K41" s="50" t="s">
        <v>70</v>
      </c>
      <c r="L41" s="21" t="s">
        <v>62</v>
      </c>
      <c r="M41" s="24" t="s">
        <v>259</v>
      </c>
      <c r="N41" s="2" t="s">
        <v>260</v>
      </c>
    </row>
    <row r="42" spans="1:14" ht="178.2" customHeight="1" x14ac:dyDescent="0.2">
      <c r="A42" s="11" t="s">
        <v>25</v>
      </c>
      <c r="B42" s="11" t="s">
        <v>330</v>
      </c>
      <c r="C42" s="20" t="s">
        <v>55</v>
      </c>
      <c r="D42" s="11" t="s">
        <v>331</v>
      </c>
      <c r="E42" s="154">
        <v>45958</v>
      </c>
      <c r="F42" s="154">
        <v>45958</v>
      </c>
      <c r="G42" s="39" t="s">
        <v>256</v>
      </c>
      <c r="H42" s="24" t="s">
        <v>257</v>
      </c>
      <c r="I42" s="39" t="s">
        <v>258</v>
      </c>
      <c r="J42" s="50" t="s">
        <v>60</v>
      </c>
      <c r="K42" s="50" t="s">
        <v>70</v>
      </c>
      <c r="L42" s="21" t="s">
        <v>62</v>
      </c>
      <c r="M42" s="24" t="s">
        <v>259</v>
      </c>
      <c r="N42" s="2" t="s">
        <v>260</v>
      </c>
    </row>
    <row r="43" spans="1:14" ht="153.6" customHeight="1" x14ac:dyDescent="0.2">
      <c r="A43" s="4" t="s">
        <v>25</v>
      </c>
      <c r="B43" s="4" t="s">
        <v>142</v>
      </c>
      <c r="C43" s="6" t="s">
        <v>55</v>
      </c>
      <c r="D43" s="4" t="s">
        <v>143</v>
      </c>
      <c r="E43" s="231">
        <v>45961</v>
      </c>
      <c r="F43" s="231">
        <v>45961</v>
      </c>
      <c r="G43" s="39" t="s">
        <v>144</v>
      </c>
      <c r="H43" s="39" t="s">
        <v>145</v>
      </c>
      <c r="I43" s="39" t="s">
        <v>146</v>
      </c>
      <c r="J43" s="39" t="s">
        <v>125</v>
      </c>
      <c r="K43" s="39" t="s">
        <v>70</v>
      </c>
      <c r="L43" s="10" t="s">
        <v>62</v>
      </c>
      <c r="M43" s="39" t="s">
        <v>147</v>
      </c>
      <c r="N43" s="2" t="s">
        <v>148</v>
      </c>
    </row>
    <row r="44" spans="1:14" ht="232.2" customHeight="1" x14ac:dyDescent="0.2">
      <c r="A44" s="11" t="s">
        <v>25</v>
      </c>
      <c r="B44" s="11" t="s">
        <v>334</v>
      </c>
      <c r="C44" s="20" t="s">
        <v>55</v>
      </c>
      <c r="D44" s="11" t="s">
        <v>335</v>
      </c>
      <c r="E44" s="154">
        <v>45961</v>
      </c>
      <c r="F44" s="154">
        <v>46010</v>
      </c>
      <c r="G44" s="39" t="s">
        <v>172</v>
      </c>
      <c r="H44" s="24"/>
      <c r="I44" s="39" t="s">
        <v>258</v>
      </c>
      <c r="J44" s="50" t="s">
        <v>60</v>
      </c>
      <c r="K44" s="50" t="s">
        <v>70</v>
      </c>
      <c r="L44" s="21" t="s">
        <v>62</v>
      </c>
      <c r="M44" s="24" t="s">
        <v>259</v>
      </c>
      <c r="N44" s="2" t="s">
        <v>260</v>
      </c>
    </row>
    <row r="45" spans="1:14" ht="232.2" customHeight="1" x14ac:dyDescent="0.2">
      <c r="A45" s="11" t="s">
        <v>25</v>
      </c>
      <c r="B45" s="11" t="s">
        <v>332</v>
      </c>
      <c r="C45" s="20" t="s">
        <v>55</v>
      </c>
      <c r="D45" s="11" t="s">
        <v>333</v>
      </c>
      <c r="E45" s="154">
        <v>45961</v>
      </c>
      <c r="F45" s="154">
        <v>46080</v>
      </c>
      <c r="G45" s="39" t="s">
        <v>256</v>
      </c>
      <c r="H45" s="24" t="s">
        <v>257</v>
      </c>
      <c r="I45" s="39" t="s">
        <v>258</v>
      </c>
      <c r="J45" s="50" t="s">
        <v>60</v>
      </c>
      <c r="K45" s="50" t="s">
        <v>70</v>
      </c>
      <c r="L45" s="21" t="s">
        <v>62</v>
      </c>
      <c r="M45" s="24" t="s">
        <v>259</v>
      </c>
      <c r="N45" s="2" t="s">
        <v>260</v>
      </c>
    </row>
    <row r="46" spans="1:14" ht="171" customHeight="1" x14ac:dyDescent="0.2">
      <c r="A46" s="11" t="s">
        <v>25</v>
      </c>
      <c r="B46" s="11" t="s">
        <v>336</v>
      </c>
      <c r="C46" s="20" t="s">
        <v>55</v>
      </c>
      <c r="D46" s="11" t="s">
        <v>337</v>
      </c>
      <c r="E46" s="154">
        <v>45962</v>
      </c>
      <c r="F46" s="154">
        <v>45962</v>
      </c>
      <c r="G46" s="39" t="s">
        <v>256</v>
      </c>
      <c r="H46" s="24" t="s">
        <v>257</v>
      </c>
      <c r="I46" s="39" t="s">
        <v>258</v>
      </c>
      <c r="J46" s="50" t="s">
        <v>60</v>
      </c>
      <c r="K46" s="50" t="s">
        <v>70</v>
      </c>
      <c r="L46" s="21" t="s">
        <v>62</v>
      </c>
      <c r="M46" s="24" t="s">
        <v>259</v>
      </c>
      <c r="N46" s="2" t="s">
        <v>260</v>
      </c>
    </row>
    <row r="47" spans="1:14" ht="243" customHeight="1" x14ac:dyDescent="0.2">
      <c r="A47" s="4" t="s">
        <v>1574</v>
      </c>
      <c r="B47" s="4" t="s">
        <v>1575</v>
      </c>
      <c r="C47" s="6" t="s">
        <v>41</v>
      </c>
      <c r="D47" s="4" t="s">
        <v>1576</v>
      </c>
      <c r="E47" s="231">
        <v>45963</v>
      </c>
      <c r="F47" s="231">
        <v>45963</v>
      </c>
      <c r="G47" s="39" t="s">
        <v>1568</v>
      </c>
      <c r="H47" s="39" t="s">
        <v>1569</v>
      </c>
      <c r="I47" s="39" t="s">
        <v>1570</v>
      </c>
      <c r="J47" s="39" t="s">
        <v>1571</v>
      </c>
      <c r="K47" s="39" t="s">
        <v>70</v>
      </c>
      <c r="L47" s="10" t="s">
        <v>62</v>
      </c>
      <c r="M47" s="39" t="s">
        <v>1572</v>
      </c>
      <c r="N47" s="2" t="s">
        <v>1577</v>
      </c>
    </row>
    <row r="48" spans="1:14" ht="285.60000000000002" customHeight="1" x14ac:dyDescent="0.2">
      <c r="A48" s="11" t="s">
        <v>25</v>
      </c>
      <c r="B48" s="11" t="s">
        <v>338</v>
      </c>
      <c r="C48" s="20" t="s">
        <v>55</v>
      </c>
      <c r="D48" s="11" t="s">
        <v>339</v>
      </c>
      <c r="E48" s="154">
        <v>45968</v>
      </c>
      <c r="F48" s="154">
        <v>45968</v>
      </c>
      <c r="G48" s="39" t="s">
        <v>340</v>
      </c>
      <c r="H48" s="24" t="s">
        <v>341</v>
      </c>
      <c r="I48" s="39" t="s">
        <v>258</v>
      </c>
      <c r="J48" s="50" t="s">
        <v>60</v>
      </c>
      <c r="K48" s="50" t="s">
        <v>70</v>
      </c>
      <c r="L48" s="21" t="s">
        <v>62</v>
      </c>
      <c r="M48" s="24" t="s">
        <v>259</v>
      </c>
      <c r="N48" s="2" t="s">
        <v>260</v>
      </c>
    </row>
    <row r="49" spans="1:14" ht="185.4" customHeight="1" x14ac:dyDescent="0.2">
      <c r="A49" s="11" t="s">
        <v>25</v>
      </c>
      <c r="B49" s="11" t="s">
        <v>1587</v>
      </c>
      <c r="C49" s="20" t="s">
        <v>99</v>
      </c>
      <c r="D49" s="11" t="s">
        <v>1588</v>
      </c>
      <c r="E49" s="233">
        <v>45970</v>
      </c>
      <c r="F49" s="233">
        <v>45970</v>
      </c>
      <c r="G49" s="50" t="s">
        <v>1589</v>
      </c>
      <c r="H49" s="50" t="s">
        <v>1590</v>
      </c>
      <c r="I49" s="49" t="s">
        <v>1591</v>
      </c>
      <c r="J49" s="50" t="s">
        <v>60</v>
      </c>
      <c r="K49" s="50" t="s">
        <v>70</v>
      </c>
      <c r="L49" s="70" t="s">
        <v>62</v>
      </c>
      <c r="M49" s="50" t="s">
        <v>1592</v>
      </c>
      <c r="N49" s="2" t="s">
        <v>1593</v>
      </c>
    </row>
    <row r="50" spans="1:14" ht="185.4" customHeight="1" x14ac:dyDescent="0.2">
      <c r="A50" s="11" t="s">
        <v>25</v>
      </c>
      <c r="B50" s="11" t="s">
        <v>342</v>
      </c>
      <c r="C50" s="20" t="s">
        <v>55</v>
      </c>
      <c r="D50" s="11" t="s">
        <v>343</v>
      </c>
      <c r="E50" s="154">
        <v>45973</v>
      </c>
      <c r="F50" s="154">
        <v>45973</v>
      </c>
      <c r="G50" s="39" t="s">
        <v>256</v>
      </c>
      <c r="H50" s="24" t="s">
        <v>257</v>
      </c>
      <c r="I50" s="39" t="s">
        <v>258</v>
      </c>
      <c r="J50" s="50" t="s">
        <v>60</v>
      </c>
      <c r="K50" s="50" t="s">
        <v>70</v>
      </c>
      <c r="L50" s="21" t="s">
        <v>62</v>
      </c>
      <c r="M50" s="24" t="s">
        <v>259</v>
      </c>
      <c r="N50" s="2" t="s">
        <v>260</v>
      </c>
    </row>
    <row r="51" spans="1:14" ht="185.4" customHeight="1" x14ac:dyDescent="0.2">
      <c r="A51" s="4" t="s">
        <v>25</v>
      </c>
      <c r="B51" s="4" t="s">
        <v>152</v>
      </c>
      <c r="C51" s="6" t="s">
        <v>55</v>
      </c>
      <c r="D51" s="4" t="s">
        <v>153</v>
      </c>
      <c r="E51" s="231">
        <v>45973</v>
      </c>
      <c r="F51" s="231">
        <v>46001</v>
      </c>
      <c r="G51" s="39" t="s">
        <v>144</v>
      </c>
      <c r="H51" s="39" t="s">
        <v>145</v>
      </c>
      <c r="I51" s="39" t="s">
        <v>146</v>
      </c>
      <c r="J51" s="39" t="s">
        <v>154</v>
      </c>
      <c r="K51" s="39" t="s">
        <v>70</v>
      </c>
      <c r="L51" s="10" t="s">
        <v>62</v>
      </c>
      <c r="M51" s="39" t="s">
        <v>147</v>
      </c>
      <c r="N51" s="2" t="s">
        <v>155</v>
      </c>
    </row>
    <row r="52" spans="1:14" ht="185.4" customHeight="1" x14ac:dyDescent="0.2">
      <c r="A52" s="4" t="s">
        <v>25</v>
      </c>
      <c r="B52" s="4" t="s">
        <v>2179</v>
      </c>
      <c r="C52" s="6" t="s">
        <v>99</v>
      </c>
      <c r="D52" s="4" t="s">
        <v>2180</v>
      </c>
      <c r="E52" s="231">
        <v>45913</v>
      </c>
      <c r="F52" s="231">
        <v>46092</v>
      </c>
      <c r="G52" s="39" t="s">
        <v>2176</v>
      </c>
      <c r="H52" s="39" t="s">
        <v>2177</v>
      </c>
      <c r="I52" s="39" t="s">
        <v>2176</v>
      </c>
      <c r="J52" s="39" t="s">
        <v>60</v>
      </c>
      <c r="K52" s="39" t="s">
        <v>61</v>
      </c>
      <c r="L52" s="10" t="s">
        <v>85</v>
      </c>
      <c r="M52" s="39" t="s">
        <v>2178</v>
      </c>
      <c r="N52" s="2"/>
    </row>
    <row r="53" spans="1:14" ht="185.4" customHeight="1" x14ac:dyDescent="0.2">
      <c r="A53" s="4" t="s">
        <v>25</v>
      </c>
      <c r="B53" s="4" t="s">
        <v>2181</v>
      </c>
      <c r="C53" s="6" t="s">
        <v>55</v>
      </c>
      <c r="D53" s="4" t="s">
        <v>2182</v>
      </c>
      <c r="E53" s="231">
        <v>45941</v>
      </c>
      <c r="F53" s="231">
        <v>45942</v>
      </c>
      <c r="G53" s="39" t="s">
        <v>2183</v>
      </c>
      <c r="H53" s="39" t="s">
        <v>2184</v>
      </c>
      <c r="I53" s="39" t="s">
        <v>2185</v>
      </c>
      <c r="J53" s="39" t="s">
        <v>60</v>
      </c>
      <c r="K53" s="39" t="s">
        <v>61</v>
      </c>
      <c r="L53" s="10" t="s">
        <v>62</v>
      </c>
      <c r="M53" s="39" t="s">
        <v>2186</v>
      </c>
      <c r="N53" s="2"/>
    </row>
    <row r="54" spans="1:14" ht="79.2" x14ac:dyDescent="0.2">
      <c r="A54" s="4" t="s">
        <v>25</v>
      </c>
      <c r="B54" s="4" t="s">
        <v>2174</v>
      </c>
      <c r="C54" s="6" t="s">
        <v>99</v>
      </c>
      <c r="D54" s="4" t="s">
        <v>2175</v>
      </c>
      <c r="E54" s="231">
        <v>45962</v>
      </c>
      <c r="F54" s="231">
        <v>45962</v>
      </c>
      <c r="G54" s="39" t="s">
        <v>2176</v>
      </c>
      <c r="H54" s="39" t="s">
        <v>2177</v>
      </c>
      <c r="I54" s="39" t="s">
        <v>2176</v>
      </c>
      <c r="J54" s="39" t="s">
        <v>60</v>
      </c>
      <c r="K54" s="39" t="s">
        <v>61</v>
      </c>
      <c r="L54" s="10" t="s">
        <v>62</v>
      </c>
      <c r="M54" s="39" t="s">
        <v>2178</v>
      </c>
      <c r="N54" s="2"/>
    </row>
    <row r="55" spans="1:14" ht="97.2" x14ac:dyDescent="0.2">
      <c r="A55" s="11" t="s">
        <v>25</v>
      </c>
      <c r="B55" s="11" t="s">
        <v>1562</v>
      </c>
      <c r="C55" s="20" t="s">
        <v>89</v>
      </c>
      <c r="D55" s="11" t="s">
        <v>1563</v>
      </c>
      <c r="E55" s="233">
        <v>45977</v>
      </c>
      <c r="F55" s="233">
        <v>45977</v>
      </c>
      <c r="G55" s="50" t="s">
        <v>1552</v>
      </c>
      <c r="H55" s="50" t="s">
        <v>370</v>
      </c>
      <c r="I55" s="50" t="s">
        <v>1553</v>
      </c>
      <c r="J55" s="50" t="s">
        <v>1564</v>
      </c>
      <c r="K55" s="50" t="s">
        <v>61</v>
      </c>
      <c r="L55" s="70" t="s">
        <v>85</v>
      </c>
      <c r="M55" s="50" t="s">
        <v>1555</v>
      </c>
      <c r="N55" s="2" t="s">
        <v>1565</v>
      </c>
    </row>
    <row r="56" spans="1:14" ht="97.2" x14ac:dyDescent="0.2">
      <c r="A56" s="4" t="s">
        <v>1574</v>
      </c>
      <c r="B56" s="4" t="s">
        <v>1578</v>
      </c>
      <c r="C56" s="6" t="s">
        <v>41</v>
      </c>
      <c r="D56" s="4" t="s">
        <v>1579</v>
      </c>
      <c r="E56" s="231">
        <v>45977</v>
      </c>
      <c r="F56" s="231">
        <v>45977</v>
      </c>
      <c r="G56" s="39" t="s">
        <v>1568</v>
      </c>
      <c r="H56" s="39" t="s">
        <v>1569</v>
      </c>
      <c r="I56" s="39" t="s">
        <v>1570</v>
      </c>
      <c r="J56" s="39" t="s">
        <v>1571</v>
      </c>
      <c r="K56" s="39" t="s">
        <v>70</v>
      </c>
      <c r="L56" s="10" t="s">
        <v>62</v>
      </c>
      <c r="M56" s="39" t="s">
        <v>1572</v>
      </c>
      <c r="N56" s="2" t="s">
        <v>1580</v>
      </c>
    </row>
    <row r="57" spans="1:14" ht="97.2" x14ac:dyDescent="0.2">
      <c r="A57" s="11" t="s">
        <v>25</v>
      </c>
      <c r="B57" s="11" t="s">
        <v>1549</v>
      </c>
      <c r="C57" s="20" t="s">
        <v>89</v>
      </c>
      <c r="D57" s="11" t="s">
        <v>1550</v>
      </c>
      <c r="E57" s="233" t="s">
        <v>1551</v>
      </c>
      <c r="F57" s="233" t="s">
        <v>1551</v>
      </c>
      <c r="G57" s="50" t="s">
        <v>1552</v>
      </c>
      <c r="H57" s="50" t="s">
        <v>370</v>
      </c>
      <c r="I57" s="50" t="s">
        <v>1553</v>
      </c>
      <c r="J57" s="50" t="s">
        <v>1554</v>
      </c>
      <c r="K57" s="50" t="s">
        <v>61</v>
      </c>
      <c r="L57" s="70" t="s">
        <v>62</v>
      </c>
      <c r="M57" s="50" t="s">
        <v>1555</v>
      </c>
      <c r="N57" s="2" t="s">
        <v>1556</v>
      </c>
    </row>
    <row r="58" spans="1:14" ht="97.2" x14ac:dyDescent="0.2">
      <c r="A58" s="11" t="s">
        <v>25</v>
      </c>
      <c r="B58" s="11" t="s">
        <v>1558</v>
      </c>
      <c r="C58" s="20" t="s">
        <v>89</v>
      </c>
      <c r="D58" s="11" t="s">
        <v>1559</v>
      </c>
      <c r="E58" s="233" t="s">
        <v>1560</v>
      </c>
      <c r="F58" s="233" t="s">
        <v>1560</v>
      </c>
      <c r="G58" s="50" t="s">
        <v>1552</v>
      </c>
      <c r="H58" s="50" t="s">
        <v>370</v>
      </c>
      <c r="I58" s="50" t="s">
        <v>1553</v>
      </c>
      <c r="J58" s="50" t="s">
        <v>1561</v>
      </c>
      <c r="K58" s="50" t="s">
        <v>61</v>
      </c>
      <c r="L58" s="70" t="s">
        <v>62</v>
      </c>
      <c r="M58" s="50" t="s">
        <v>1555</v>
      </c>
      <c r="N58" s="2" t="s">
        <v>1556</v>
      </c>
    </row>
    <row r="59" spans="1:14" ht="97.2" x14ac:dyDescent="0.2">
      <c r="A59" s="11" t="s">
        <v>25</v>
      </c>
      <c r="B59" s="11" t="s">
        <v>1549</v>
      </c>
      <c r="C59" s="20" t="s">
        <v>89</v>
      </c>
      <c r="D59" s="11" t="s">
        <v>1550</v>
      </c>
      <c r="E59" s="233" t="s">
        <v>1557</v>
      </c>
      <c r="F59" s="233" t="s">
        <v>1557</v>
      </c>
      <c r="G59" s="50" t="s">
        <v>1552</v>
      </c>
      <c r="H59" s="50" t="s">
        <v>370</v>
      </c>
      <c r="I59" s="50" t="s">
        <v>1553</v>
      </c>
      <c r="J59" s="50" t="s">
        <v>1554</v>
      </c>
      <c r="K59" s="50" t="s">
        <v>61</v>
      </c>
      <c r="L59" s="70" t="s">
        <v>62</v>
      </c>
      <c r="M59" s="50" t="s">
        <v>1555</v>
      </c>
      <c r="N59" s="2" t="s">
        <v>1556</v>
      </c>
    </row>
    <row r="60" spans="1:14" ht="162.6" customHeight="1" x14ac:dyDescent="0.2">
      <c r="A60" s="4" t="s">
        <v>26</v>
      </c>
      <c r="B60" s="4" t="s">
        <v>1601</v>
      </c>
      <c r="C60" s="6" t="s">
        <v>41</v>
      </c>
      <c r="D60" s="4" t="s">
        <v>1602</v>
      </c>
      <c r="E60" s="231">
        <v>45914</v>
      </c>
      <c r="F60" s="231">
        <v>45934</v>
      </c>
      <c r="G60" s="39" t="s">
        <v>1603</v>
      </c>
      <c r="H60" s="39" t="s">
        <v>1604</v>
      </c>
      <c r="I60" s="39" t="s">
        <v>1570</v>
      </c>
      <c r="J60" s="39" t="s">
        <v>1605</v>
      </c>
      <c r="K60" s="39" t="s">
        <v>70</v>
      </c>
      <c r="L60" s="10" t="s">
        <v>62</v>
      </c>
      <c r="M60" s="39" t="s">
        <v>1572</v>
      </c>
      <c r="N60" s="2" t="s">
        <v>1606</v>
      </c>
    </row>
    <row r="61" spans="1:14" ht="171" customHeight="1" x14ac:dyDescent="0.2">
      <c r="A61" s="4" t="s">
        <v>26</v>
      </c>
      <c r="B61" s="4" t="s">
        <v>2207</v>
      </c>
      <c r="C61" s="6" t="s">
        <v>55</v>
      </c>
      <c r="D61" s="4" t="s">
        <v>2208</v>
      </c>
      <c r="E61" s="99">
        <v>45906</v>
      </c>
      <c r="F61" s="99">
        <v>46012</v>
      </c>
      <c r="G61" s="39" t="s">
        <v>2126</v>
      </c>
      <c r="H61" s="39" t="s">
        <v>2127</v>
      </c>
      <c r="I61" s="39" t="s">
        <v>2128</v>
      </c>
      <c r="J61" s="39" t="s">
        <v>60</v>
      </c>
      <c r="K61" s="39" t="s">
        <v>70</v>
      </c>
      <c r="L61" s="10" t="s">
        <v>85</v>
      </c>
      <c r="M61" s="39" t="s">
        <v>2128</v>
      </c>
      <c r="N61" s="2" t="s">
        <v>2129</v>
      </c>
    </row>
    <row r="62" spans="1:14" ht="92.4" x14ac:dyDescent="0.2">
      <c r="A62" s="4" t="s">
        <v>1607</v>
      </c>
      <c r="B62" s="4" t="s">
        <v>1608</v>
      </c>
      <c r="C62" s="6" t="s">
        <v>41</v>
      </c>
      <c r="D62" s="4" t="s">
        <v>1609</v>
      </c>
      <c r="E62" s="231">
        <v>45921</v>
      </c>
      <c r="F62" s="231">
        <v>45949</v>
      </c>
      <c r="G62" s="39" t="s">
        <v>1603</v>
      </c>
      <c r="H62" s="39" t="s">
        <v>1604</v>
      </c>
      <c r="I62" s="39" t="s">
        <v>1570</v>
      </c>
      <c r="J62" s="39" t="s">
        <v>1605</v>
      </c>
      <c r="K62" s="39" t="s">
        <v>70</v>
      </c>
      <c r="L62" s="10" t="s">
        <v>62</v>
      </c>
      <c r="M62" s="39" t="s">
        <v>1572</v>
      </c>
      <c r="N62" s="2" t="s">
        <v>1610</v>
      </c>
    </row>
    <row r="63" spans="1:14" ht="64.8" x14ac:dyDescent="0.2">
      <c r="A63" s="95" t="s">
        <v>97</v>
      </c>
      <c r="B63" s="95" t="s">
        <v>98</v>
      </c>
      <c r="C63" s="8" t="s">
        <v>99</v>
      </c>
      <c r="D63" s="95" t="s">
        <v>100</v>
      </c>
      <c r="E63" s="184">
        <v>45927</v>
      </c>
      <c r="F63" s="184">
        <v>45927</v>
      </c>
      <c r="G63" s="32" t="s">
        <v>101</v>
      </c>
      <c r="H63" s="32" t="s">
        <v>102</v>
      </c>
      <c r="I63" s="32" t="s">
        <v>103</v>
      </c>
      <c r="J63" s="32" t="s">
        <v>104</v>
      </c>
      <c r="K63" s="32" t="s">
        <v>70</v>
      </c>
      <c r="L63" s="186" t="s">
        <v>62</v>
      </c>
      <c r="M63" s="32" t="s">
        <v>105</v>
      </c>
      <c r="N63" s="193" t="s">
        <v>106</v>
      </c>
    </row>
    <row r="64" spans="1:14" ht="97.2" x14ac:dyDescent="0.2">
      <c r="A64" s="4" t="s">
        <v>26</v>
      </c>
      <c r="B64" s="4" t="s">
        <v>1594</v>
      </c>
      <c r="C64" s="6" t="s">
        <v>55</v>
      </c>
      <c r="D64" s="4" t="s">
        <v>1595</v>
      </c>
      <c r="E64" s="231">
        <v>45935</v>
      </c>
      <c r="F64" s="231">
        <v>45935</v>
      </c>
      <c r="G64" s="39" t="s">
        <v>1596</v>
      </c>
      <c r="H64" s="39" t="s">
        <v>1597</v>
      </c>
      <c r="I64" s="39" t="s">
        <v>1598</v>
      </c>
      <c r="J64" s="39" t="s">
        <v>60</v>
      </c>
      <c r="K64" s="39" t="s">
        <v>61</v>
      </c>
      <c r="L64" s="10" t="s">
        <v>62</v>
      </c>
      <c r="M64" s="39" t="s">
        <v>1599</v>
      </c>
      <c r="N64" s="2" t="s">
        <v>1600</v>
      </c>
    </row>
    <row r="65" spans="1:14" ht="97.2" x14ac:dyDescent="0.2">
      <c r="A65" s="95" t="s">
        <v>97</v>
      </c>
      <c r="B65" s="95" t="s">
        <v>107</v>
      </c>
      <c r="C65" s="8" t="s">
        <v>99</v>
      </c>
      <c r="D65" s="95" t="s">
        <v>108</v>
      </c>
      <c r="E65" s="184">
        <v>45940</v>
      </c>
      <c r="F65" s="184">
        <v>45940</v>
      </c>
      <c r="G65" s="32" t="s">
        <v>109</v>
      </c>
      <c r="H65" s="32" t="s">
        <v>110</v>
      </c>
      <c r="I65" s="32" t="s">
        <v>103</v>
      </c>
      <c r="J65" s="32" t="s">
        <v>104</v>
      </c>
      <c r="K65" s="32" t="s">
        <v>70</v>
      </c>
      <c r="L65" s="186" t="s">
        <v>62</v>
      </c>
      <c r="M65" s="32" t="s">
        <v>105</v>
      </c>
      <c r="N65" s="193" t="s">
        <v>111</v>
      </c>
    </row>
    <row r="66" spans="1:14" ht="187.95" customHeight="1" x14ac:dyDescent="0.2">
      <c r="A66" s="4" t="s">
        <v>26</v>
      </c>
      <c r="B66" s="4" t="s">
        <v>367</v>
      </c>
      <c r="C66" s="6" t="s">
        <v>99</v>
      </c>
      <c r="D66" s="4" t="s">
        <v>368</v>
      </c>
      <c r="E66" s="231">
        <v>45945</v>
      </c>
      <c r="F66" s="231">
        <v>45945</v>
      </c>
      <c r="G66" s="39" t="s">
        <v>369</v>
      </c>
      <c r="H66" s="39" t="s">
        <v>370</v>
      </c>
      <c r="I66" s="39" t="s">
        <v>371</v>
      </c>
      <c r="J66" s="39" t="s">
        <v>60</v>
      </c>
      <c r="K66" s="39" t="s">
        <v>61</v>
      </c>
      <c r="L66" s="10" t="s">
        <v>62</v>
      </c>
      <c r="M66" s="39" t="s">
        <v>372</v>
      </c>
      <c r="N66" s="2" t="s">
        <v>373</v>
      </c>
    </row>
    <row r="67" spans="1:14" ht="158.4" x14ac:dyDescent="0.2">
      <c r="A67" s="4" t="s">
        <v>1607</v>
      </c>
      <c r="B67" s="4" t="s">
        <v>1611</v>
      </c>
      <c r="C67" s="6" t="s">
        <v>41</v>
      </c>
      <c r="D67" s="4" t="s">
        <v>1612</v>
      </c>
      <c r="E67" s="231">
        <v>45954</v>
      </c>
      <c r="F67" s="231">
        <v>45955</v>
      </c>
      <c r="G67" s="39" t="s">
        <v>1603</v>
      </c>
      <c r="H67" s="39" t="s">
        <v>1604</v>
      </c>
      <c r="I67" s="39" t="s">
        <v>1570</v>
      </c>
      <c r="J67" s="39" t="s">
        <v>1605</v>
      </c>
      <c r="K67" s="39" t="s">
        <v>70</v>
      </c>
      <c r="L67" s="10" t="s">
        <v>62</v>
      </c>
      <c r="M67" s="39" t="s">
        <v>1572</v>
      </c>
      <c r="N67" s="2" t="s">
        <v>1613</v>
      </c>
    </row>
    <row r="68" spans="1:14" ht="84.6" customHeight="1" x14ac:dyDescent="0.2">
      <c r="A68" s="95" t="s">
        <v>97</v>
      </c>
      <c r="B68" s="95" t="s">
        <v>112</v>
      </c>
      <c r="C68" s="8" t="s">
        <v>99</v>
      </c>
      <c r="D68" s="95" t="s">
        <v>113</v>
      </c>
      <c r="E68" s="184">
        <v>45969</v>
      </c>
      <c r="F68" s="184">
        <v>45969</v>
      </c>
      <c r="G68" s="32" t="s">
        <v>101</v>
      </c>
      <c r="H68" s="32" t="s">
        <v>102</v>
      </c>
      <c r="I68" s="32" t="s">
        <v>103</v>
      </c>
      <c r="J68" s="32" t="s">
        <v>114</v>
      </c>
      <c r="K68" s="32" t="s">
        <v>70</v>
      </c>
      <c r="L68" s="186" t="s">
        <v>62</v>
      </c>
      <c r="M68" s="32" t="s">
        <v>105</v>
      </c>
      <c r="N68" s="193" t="s">
        <v>106</v>
      </c>
    </row>
    <row r="69" spans="1:14" ht="101.4" customHeight="1" x14ac:dyDescent="0.2">
      <c r="A69" s="4" t="s">
        <v>1607</v>
      </c>
      <c r="B69" s="4" t="s">
        <v>1614</v>
      </c>
      <c r="C69" s="6" t="s">
        <v>41</v>
      </c>
      <c r="D69" s="4" t="s">
        <v>1615</v>
      </c>
      <c r="E69" s="231">
        <v>45975</v>
      </c>
      <c r="F69" s="231">
        <v>45991</v>
      </c>
      <c r="G69" s="39" t="s">
        <v>1603</v>
      </c>
      <c r="H69" s="39" t="s">
        <v>1604</v>
      </c>
      <c r="I69" s="39" t="s">
        <v>1570</v>
      </c>
      <c r="J69" s="39" t="s">
        <v>1605</v>
      </c>
      <c r="K69" s="39" t="s">
        <v>70</v>
      </c>
      <c r="L69" s="10" t="s">
        <v>62</v>
      </c>
      <c r="M69" s="39" t="s">
        <v>1572</v>
      </c>
      <c r="N69" s="2" t="s">
        <v>1616</v>
      </c>
    </row>
    <row r="70" spans="1:14" ht="145.80000000000001" x14ac:dyDescent="0.2">
      <c r="A70" s="4" t="s">
        <v>27</v>
      </c>
      <c r="B70" s="4" t="s">
        <v>545</v>
      </c>
      <c r="C70" s="6" t="s">
        <v>55</v>
      </c>
      <c r="D70" s="4" t="s">
        <v>546</v>
      </c>
      <c r="E70" s="231">
        <v>45861</v>
      </c>
      <c r="F70" s="231">
        <v>45991</v>
      </c>
      <c r="G70" s="39" t="s">
        <v>536</v>
      </c>
      <c r="H70" s="39" t="s">
        <v>543</v>
      </c>
      <c r="I70" s="39" t="s">
        <v>536</v>
      </c>
      <c r="J70" s="39" t="s">
        <v>547</v>
      </c>
      <c r="K70" s="39" t="s">
        <v>61</v>
      </c>
      <c r="L70" s="10" t="s">
        <v>85</v>
      </c>
      <c r="M70" s="39" t="s">
        <v>530</v>
      </c>
      <c r="N70" s="2" t="s">
        <v>532</v>
      </c>
    </row>
    <row r="71" spans="1:14" ht="145.80000000000001" x14ac:dyDescent="0.2">
      <c r="A71" s="4" t="s">
        <v>27</v>
      </c>
      <c r="B71" s="4" t="s">
        <v>533</v>
      </c>
      <c r="C71" s="6" t="s">
        <v>55</v>
      </c>
      <c r="D71" s="4" t="s">
        <v>534</v>
      </c>
      <c r="E71" s="231">
        <v>45924</v>
      </c>
      <c r="F71" s="231">
        <v>46001</v>
      </c>
      <c r="G71" s="39" t="s">
        <v>530</v>
      </c>
      <c r="H71" s="39" t="s">
        <v>535</v>
      </c>
      <c r="I71" s="39" t="s">
        <v>536</v>
      </c>
      <c r="J71" s="39" t="s">
        <v>537</v>
      </c>
      <c r="K71" s="39" t="s">
        <v>61</v>
      </c>
      <c r="L71" s="10" t="s">
        <v>62</v>
      </c>
      <c r="M71" s="39" t="s">
        <v>530</v>
      </c>
      <c r="N71" s="2" t="s">
        <v>532</v>
      </c>
    </row>
    <row r="72" spans="1:14" ht="145.80000000000001" x14ac:dyDescent="0.2">
      <c r="A72" s="4" t="s">
        <v>27</v>
      </c>
      <c r="B72" s="4" t="s">
        <v>2138</v>
      </c>
      <c r="C72" s="6" t="s">
        <v>55</v>
      </c>
      <c r="D72" s="4" t="s">
        <v>527</v>
      </c>
      <c r="E72" s="231">
        <v>45958</v>
      </c>
      <c r="F72" s="231">
        <v>45958</v>
      </c>
      <c r="G72" s="39" t="s">
        <v>2139</v>
      </c>
      <c r="H72" s="39" t="s">
        <v>2140</v>
      </c>
      <c r="I72" s="39" t="s">
        <v>530</v>
      </c>
      <c r="J72" s="39" t="s">
        <v>2141</v>
      </c>
      <c r="K72" s="39" t="s">
        <v>61</v>
      </c>
      <c r="L72" s="10" t="s">
        <v>62</v>
      </c>
      <c r="M72" s="39" t="s">
        <v>530</v>
      </c>
      <c r="N72" s="2" t="s">
        <v>532</v>
      </c>
    </row>
    <row r="73" spans="1:14" ht="145.80000000000001" x14ac:dyDescent="0.2">
      <c r="A73" s="4" t="s">
        <v>27</v>
      </c>
      <c r="B73" s="4" t="s">
        <v>538</v>
      </c>
      <c r="C73" s="6" t="s">
        <v>55</v>
      </c>
      <c r="D73" s="4" t="s">
        <v>539</v>
      </c>
      <c r="E73" s="231">
        <v>45960</v>
      </c>
      <c r="F73" s="231">
        <v>45960</v>
      </c>
      <c r="G73" s="39" t="s">
        <v>530</v>
      </c>
      <c r="H73" s="39" t="s">
        <v>535</v>
      </c>
      <c r="I73" s="39" t="s">
        <v>536</v>
      </c>
      <c r="J73" s="39" t="s">
        <v>540</v>
      </c>
      <c r="K73" s="39" t="s">
        <v>61</v>
      </c>
      <c r="L73" s="10" t="s">
        <v>62</v>
      </c>
      <c r="M73" s="39" t="s">
        <v>530</v>
      </c>
      <c r="N73" s="2" t="s">
        <v>532</v>
      </c>
    </row>
    <row r="74" spans="1:14" ht="145.80000000000001" x14ac:dyDescent="0.2">
      <c r="A74" s="4" t="s">
        <v>27</v>
      </c>
      <c r="B74" s="4" t="s">
        <v>541</v>
      </c>
      <c r="C74" s="6" t="s">
        <v>55</v>
      </c>
      <c r="D74" s="4" t="s">
        <v>542</v>
      </c>
      <c r="E74" s="231">
        <v>45964</v>
      </c>
      <c r="F74" s="231">
        <v>45964</v>
      </c>
      <c r="G74" s="39" t="s">
        <v>536</v>
      </c>
      <c r="H74" s="39" t="s">
        <v>543</v>
      </c>
      <c r="I74" s="39" t="s">
        <v>536</v>
      </c>
      <c r="J74" s="39" t="s">
        <v>544</v>
      </c>
      <c r="K74" s="39" t="s">
        <v>61</v>
      </c>
      <c r="L74" s="10" t="s">
        <v>85</v>
      </c>
      <c r="M74" s="39" t="s">
        <v>530</v>
      </c>
      <c r="N74" s="2" t="s">
        <v>532</v>
      </c>
    </row>
    <row r="75" spans="1:14" ht="95.4" customHeight="1" x14ac:dyDescent="0.2">
      <c r="A75" s="4" t="s">
        <v>27</v>
      </c>
      <c r="B75" s="4" t="s">
        <v>526</v>
      </c>
      <c r="C75" s="6" t="s">
        <v>55</v>
      </c>
      <c r="D75" s="4" t="s">
        <v>527</v>
      </c>
      <c r="E75" s="231">
        <v>45973</v>
      </c>
      <c r="F75" s="231">
        <v>45973</v>
      </c>
      <c r="G75" s="39" t="s">
        <v>528</v>
      </c>
      <c r="H75" s="39" t="s">
        <v>529</v>
      </c>
      <c r="I75" s="39" t="s">
        <v>530</v>
      </c>
      <c r="J75" s="39" t="s">
        <v>531</v>
      </c>
      <c r="K75" s="39" t="s">
        <v>61</v>
      </c>
      <c r="L75" s="10" t="s">
        <v>62</v>
      </c>
      <c r="M75" s="39" t="s">
        <v>530</v>
      </c>
      <c r="N75" s="2" t="s">
        <v>532</v>
      </c>
    </row>
    <row r="76" spans="1:14" ht="97.2" x14ac:dyDescent="0.2">
      <c r="A76" s="4" t="s">
        <v>28</v>
      </c>
      <c r="B76" s="4" t="s">
        <v>1637</v>
      </c>
      <c r="C76" s="6" t="s">
        <v>99</v>
      </c>
      <c r="D76" s="4" t="s">
        <v>1638</v>
      </c>
      <c r="E76" s="231">
        <v>45844</v>
      </c>
      <c r="F76" s="231">
        <v>45991</v>
      </c>
      <c r="G76" s="39" t="s">
        <v>1639</v>
      </c>
      <c r="H76" s="39" t="s">
        <v>1640</v>
      </c>
      <c r="I76" s="39" t="s">
        <v>1641</v>
      </c>
      <c r="J76" s="39" t="s">
        <v>60</v>
      </c>
      <c r="K76" s="39" t="s">
        <v>61</v>
      </c>
      <c r="L76" s="10" t="s">
        <v>85</v>
      </c>
      <c r="M76" s="39" t="s">
        <v>1641</v>
      </c>
      <c r="N76" s="2" t="s">
        <v>1642</v>
      </c>
    </row>
    <row r="77" spans="1:14" ht="113.4" x14ac:dyDescent="0.2">
      <c r="A77" s="14" t="s">
        <v>28</v>
      </c>
      <c r="B77" s="31" t="s">
        <v>1617</v>
      </c>
      <c r="C77" s="15" t="s">
        <v>600</v>
      </c>
      <c r="D77" s="31" t="s">
        <v>1618</v>
      </c>
      <c r="E77" s="230">
        <v>45931</v>
      </c>
      <c r="F77" s="230">
        <v>45934</v>
      </c>
      <c r="G77" s="40" t="s">
        <v>1619</v>
      </c>
      <c r="H77" s="13" t="s">
        <v>1620</v>
      </c>
      <c r="I77" s="51" t="s">
        <v>1621</v>
      </c>
      <c r="J77" s="13" t="s">
        <v>1622</v>
      </c>
      <c r="K77" s="13" t="s">
        <v>1623</v>
      </c>
      <c r="L77" s="17" t="s">
        <v>1624</v>
      </c>
      <c r="M77" s="13" t="s">
        <v>1625</v>
      </c>
      <c r="N77" s="2" t="s">
        <v>1626</v>
      </c>
    </row>
    <row r="78" spans="1:14" ht="83.4" customHeight="1" x14ac:dyDescent="0.2">
      <c r="A78" s="14" t="s">
        <v>28</v>
      </c>
      <c r="B78" s="31" t="s">
        <v>1627</v>
      </c>
      <c r="C78" s="15" t="s">
        <v>600</v>
      </c>
      <c r="D78" s="31" t="s">
        <v>1628</v>
      </c>
      <c r="E78" s="230">
        <v>45943</v>
      </c>
      <c r="F78" s="230">
        <v>45943</v>
      </c>
      <c r="G78" s="40" t="s">
        <v>1629</v>
      </c>
      <c r="H78" s="13" t="s">
        <v>1620</v>
      </c>
      <c r="I78" s="51" t="s">
        <v>1621</v>
      </c>
      <c r="J78" s="13" t="s">
        <v>1630</v>
      </c>
      <c r="K78" s="13" t="s">
        <v>1631</v>
      </c>
      <c r="L78" s="17" t="s">
        <v>85</v>
      </c>
      <c r="M78" s="13" t="s">
        <v>1625</v>
      </c>
      <c r="N78" s="2" t="s">
        <v>1632</v>
      </c>
    </row>
    <row r="79" spans="1:14" ht="83.4" customHeight="1" x14ac:dyDescent="0.2">
      <c r="A79" s="4" t="s">
        <v>28</v>
      </c>
      <c r="B79" s="4" t="s">
        <v>1643</v>
      </c>
      <c r="C79" s="6" t="s">
        <v>99</v>
      </c>
      <c r="D79" s="4" t="s">
        <v>1644</v>
      </c>
      <c r="E79" s="231">
        <v>45955</v>
      </c>
      <c r="F79" s="231">
        <v>45955</v>
      </c>
      <c r="G79" s="39" t="s">
        <v>1641</v>
      </c>
      <c r="H79" s="39" t="s">
        <v>1640</v>
      </c>
      <c r="I79" s="39" t="s">
        <v>1641</v>
      </c>
      <c r="J79" s="39" t="s">
        <v>60</v>
      </c>
      <c r="K79" s="39" t="s">
        <v>61</v>
      </c>
      <c r="L79" s="10" t="s">
        <v>85</v>
      </c>
      <c r="M79" s="39" t="s">
        <v>1641</v>
      </c>
      <c r="N79" s="5"/>
    </row>
    <row r="80" spans="1:14" ht="78.599999999999994" customHeight="1" x14ac:dyDescent="0.2">
      <c r="A80" s="4" t="s">
        <v>28</v>
      </c>
      <c r="B80" s="4" t="s">
        <v>1645</v>
      </c>
      <c r="C80" s="6" t="s">
        <v>99</v>
      </c>
      <c r="D80" s="4" t="s">
        <v>1646</v>
      </c>
      <c r="E80" s="231">
        <v>45962</v>
      </c>
      <c r="F80" s="231">
        <v>45962</v>
      </c>
      <c r="G80" s="39" t="s">
        <v>1641</v>
      </c>
      <c r="H80" s="39" t="s">
        <v>1640</v>
      </c>
      <c r="I80" s="39" t="s">
        <v>1641</v>
      </c>
      <c r="J80" s="39" t="s">
        <v>60</v>
      </c>
      <c r="K80" s="39" t="s">
        <v>61</v>
      </c>
      <c r="L80" s="10" t="s">
        <v>85</v>
      </c>
      <c r="M80" s="39" t="s">
        <v>1641</v>
      </c>
      <c r="N80" s="5"/>
    </row>
    <row r="81" spans="1:14" ht="97.2" customHeight="1" x14ac:dyDescent="0.2">
      <c r="A81" s="14" t="s">
        <v>28</v>
      </c>
      <c r="B81" s="31" t="s">
        <v>1633</v>
      </c>
      <c r="C81" s="15" t="s">
        <v>600</v>
      </c>
      <c r="D81" s="14" t="s">
        <v>1634</v>
      </c>
      <c r="E81" s="230">
        <v>45964</v>
      </c>
      <c r="F81" s="230">
        <v>45964</v>
      </c>
      <c r="G81" s="40" t="s">
        <v>1635</v>
      </c>
      <c r="H81" s="13" t="s">
        <v>1620</v>
      </c>
      <c r="I81" s="51" t="s">
        <v>1621</v>
      </c>
      <c r="J81" s="13" t="s">
        <v>1630</v>
      </c>
      <c r="K81" s="13" t="s">
        <v>70</v>
      </c>
      <c r="L81" s="17" t="s">
        <v>62</v>
      </c>
      <c r="M81" s="13" t="s">
        <v>1625</v>
      </c>
      <c r="N81" s="2" t="s">
        <v>1636</v>
      </c>
    </row>
    <row r="82" spans="1:14" ht="97.2" customHeight="1" x14ac:dyDescent="0.2">
      <c r="A82" s="4" t="s">
        <v>28</v>
      </c>
      <c r="B82" s="4" t="s">
        <v>1647</v>
      </c>
      <c r="C82" s="6" t="s">
        <v>99</v>
      </c>
      <c r="D82" s="4" t="s">
        <v>1648</v>
      </c>
      <c r="E82" s="231">
        <v>45964</v>
      </c>
      <c r="F82" s="231">
        <v>45964</v>
      </c>
      <c r="G82" s="39" t="s">
        <v>1641</v>
      </c>
      <c r="H82" s="39" t="s">
        <v>1640</v>
      </c>
      <c r="I82" s="39" t="s">
        <v>1641</v>
      </c>
      <c r="J82" s="39" t="s">
        <v>60</v>
      </c>
      <c r="K82" s="39" t="s">
        <v>61</v>
      </c>
      <c r="L82" s="10" t="s">
        <v>62</v>
      </c>
      <c r="M82" s="39" t="s">
        <v>1641</v>
      </c>
      <c r="N82" s="5"/>
    </row>
    <row r="83" spans="1:14" ht="97.2" customHeight="1" x14ac:dyDescent="0.2">
      <c r="A83" s="4" t="s">
        <v>28</v>
      </c>
      <c r="B83" s="4" t="s">
        <v>1645</v>
      </c>
      <c r="C83" s="6" t="s">
        <v>99</v>
      </c>
      <c r="D83" s="4" t="s">
        <v>1646</v>
      </c>
      <c r="E83" s="231">
        <v>45976</v>
      </c>
      <c r="F83" s="231">
        <v>45976</v>
      </c>
      <c r="G83" s="39" t="s">
        <v>1641</v>
      </c>
      <c r="H83" s="39" t="s">
        <v>1640</v>
      </c>
      <c r="I83" s="39" t="s">
        <v>1641</v>
      </c>
      <c r="J83" s="39" t="s">
        <v>60</v>
      </c>
      <c r="K83" s="39" t="s">
        <v>61</v>
      </c>
      <c r="L83" s="10" t="s">
        <v>85</v>
      </c>
      <c r="M83" s="39" t="s">
        <v>1641</v>
      </c>
      <c r="N83" s="5"/>
    </row>
    <row r="84" spans="1:14" ht="97.2" customHeight="1" x14ac:dyDescent="0.2">
      <c r="A84" s="11" t="s">
        <v>29</v>
      </c>
      <c r="B84" s="11" t="s">
        <v>1649</v>
      </c>
      <c r="C84" s="20" t="s">
        <v>55</v>
      </c>
      <c r="D84" s="18" t="s">
        <v>1650</v>
      </c>
      <c r="E84" s="233">
        <v>45856</v>
      </c>
      <c r="F84" s="233">
        <v>45929</v>
      </c>
      <c r="G84" s="50" t="s">
        <v>1651</v>
      </c>
      <c r="H84" s="50" t="s">
        <v>1652</v>
      </c>
      <c r="I84" s="49" t="s">
        <v>1653</v>
      </c>
      <c r="J84" s="50" t="s">
        <v>60</v>
      </c>
      <c r="K84" s="50" t="s">
        <v>61</v>
      </c>
      <c r="L84" s="70" t="s">
        <v>85</v>
      </c>
      <c r="M84" s="50" t="s">
        <v>1654</v>
      </c>
      <c r="N84" s="2" t="s">
        <v>1655</v>
      </c>
    </row>
    <row r="85" spans="1:14" ht="97.2" customHeight="1" x14ac:dyDescent="0.2">
      <c r="A85" s="11" t="s">
        <v>29</v>
      </c>
      <c r="B85" s="11" t="s">
        <v>1656</v>
      </c>
      <c r="C85" s="20" t="s">
        <v>55</v>
      </c>
      <c r="D85" s="18" t="s">
        <v>1657</v>
      </c>
      <c r="E85" s="233">
        <v>45954</v>
      </c>
      <c r="F85" s="233">
        <v>45977</v>
      </c>
      <c r="G85" s="50" t="s">
        <v>1651</v>
      </c>
      <c r="H85" s="50" t="s">
        <v>1652</v>
      </c>
      <c r="I85" s="49" t="s">
        <v>1653</v>
      </c>
      <c r="J85" s="50" t="s">
        <v>60</v>
      </c>
      <c r="K85" s="50" t="s">
        <v>61</v>
      </c>
      <c r="L85" s="70" t="s">
        <v>85</v>
      </c>
      <c r="M85" s="50" t="s">
        <v>1654</v>
      </c>
      <c r="N85" s="2" t="s">
        <v>1655</v>
      </c>
    </row>
    <row r="86" spans="1:14" ht="139.19999999999999" customHeight="1" x14ac:dyDescent="0.2">
      <c r="A86" s="11" t="s">
        <v>29</v>
      </c>
      <c r="B86" s="11" t="s">
        <v>1658</v>
      </c>
      <c r="C86" s="20" t="s">
        <v>55</v>
      </c>
      <c r="D86" s="18" t="s">
        <v>1659</v>
      </c>
      <c r="E86" s="233">
        <v>45963</v>
      </c>
      <c r="F86" s="233">
        <v>45963</v>
      </c>
      <c r="G86" s="49" t="s">
        <v>1660</v>
      </c>
      <c r="H86" s="50" t="s">
        <v>1652</v>
      </c>
      <c r="I86" s="49" t="s">
        <v>1653</v>
      </c>
      <c r="J86" s="50" t="s">
        <v>60</v>
      </c>
      <c r="K86" s="50" t="s">
        <v>61</v>
      </c>
      <c r="L86" s="70" t="s">
        <v>62</v>
      </c>
      <c r="M86" s="50" t="s">
        <v>1654</v>
      </c>
      <c r="N86" s="2" t="s">
        <v>1655</v>
      </c>
    </row>
    <row r="87" spans="1:14" ht="264" x14ac:dyDescent="0.2">
      <c r="A87" s="95" t="s">
        <v>242</v>
      </c>
      <c r="B87" s="95" t="s">
        <v>243</v>
      </c>
      <c r="C87" s="8" t="s">
        <v>99</v>
      </c>
      <c r="D87" s="95" t="s">
        <v>244</v>
      </c>
      <c r="E87" s="185">
        <v>45976</v>
      </c>
      <c r="F87" s="185">
        <v>45976</v>
      </c>
      <c r="G87" s="32" t="s">
        <v>245</v>
      </c>
      <c r="H87" s="32" t="s">
        <v>246</v>
      </c>
      <c r="I87" s="32" t="s">
        <v>247</v>
      </c>
      <c r="J87" s="32" t="s">
        <v>239</v>
      </c>
      <c r="K87" s="32" t="s">
        <v>61</v>
      </c>
      <c r="L87" s="186" t="s">
        <v>85</v>
      </c>
      <c r="M87" s="32" t="s">
        <v>2172</v>
      </c>
      <c r="N87" s="28" t="s">
        <v>2164</v>
      </c>
    </row>
    <row r="88" spans="1:14" ht="79.2" x14ac:dyDescent="0.2">
      <c r="A88" s="11" t="s">
        <v>29</v>
      </c>
      <c r="B88" s="11" t="s">
        <v>1661</v>
      </c>
      <c r="C88" s="20" t="s">
        <v>55</v>
      </c>
      <c r="D88" s="18" t="s">
        <v>1662</v>
      </c>
      <c r="E88" s="233">
        <v>45977</v>
      </c>
      <c r="F88" s="233">
        <v>45991</v>
      </c>
      <c r="G88" s="50" t="s">
        <v>1660</v>
      </c>
      <c r="H88" s="50" t="s">
        <v>1652</v>
      </c>
      <c r="I88" s="50" t="s">
        <v>1653</v>
      </c>
      <c r="J88" s="50" t="s">
        <v>1663</v>
      </c>
      <c r="K88" s="50" t="s">
        <v>70</v>
      </c>
      <c r="L88" s="70" t="s">
        <v>62</v>
      </c>
      <c r="M88" s="50" t="s">
        <v>1654</v>
      </c>
      <c r="N88" s="2" t="s">
        <v>1655</v>
      </c>
    </row>
    <row r="89" spans="1:14" ht="176.4" customHeight="1" x14ac:dyDescent="0.2">
      <c r="A89" s="4" t="s">
        <v>30</v>
      </c>
      <c r="B89" s="4" t="s">
        <v>165</v>
      </c>
      <c r="C89" s="6" t="s">
        <v>55</v>
      </c>
      <c r="D89" s="4" t="s">
        <v>166</v>
      </c>
      <c r="E89" s="231">
        <v>45917</v>
      </c>
      <c r="F89" s="231">
        <v>45978</v>
      </c>
      <c r="G89" s="39" t="s">
        <v>167</v>
      </c>
      <c r="H89" s="39" t="s">
        <v>167</v>
      </c>
      <c r="I89" s="39" t="s">
        <v>168</v>
      </c>
      <c r="J89" s="39" t="s">
        <v>169</v>
      </c>
      <c r="K89" s="39" t="s">
        <v>61</v>
      </c>
      <c r="L89" s="10" t="s">
        <v>62</v>
      </c>
      <c r="M89" s="39" t="s">
        <v>170</v>
      </c>
      <c r="N89" s="2" t="s">
        <v>171</v>
      </c>
    </row>
    <row r="90" spans="1:14" ht="176.4" customHeight="1" x14ac:dyDescent="0.2">
      <c r="A90" s="4" t="s">
        <v>30</v>
      </c>
      <c r="B90" s="4" t="s">
        <v>161</v>
      </c>
      <c r="C90" s="6" t="s">
        <v>55</v>
      </c>
      <c r="D90" s="4" t="s">
        <v>162</v>
      </c>
      <c r="E90" s="231">
        <v>45930</v>
      </c>
      <c r="F90" s="231">
        <v>46049</v>
      </c>
      <c r="G90" s="39" t="s">
        <v>163</v>
      </c>
      <c r="H90" s="39"/>
      <c r="I90" s="39" t="s">
        <v>146</v>
      </c>
      <c r="J90" s="39" t="s">
        <v>154</v>
      </c>
      <c r="K90" s="39" t="s">
        <v>70</v>
      </c>
      <c r="L90" s="10" t="s">
        <v>62</v>
      </c>
      <c r="M90" s="39" t="s">
        <v>147</v>
      </c>
      <c r="N90" s="2" t="s">
        <v>164</v>
      </c>
    </row>
    <row r="91" spans="1:14" ht="176.4" customHeight="1" x14ac:dyDescent="0.2">
      <c r="A91" s="4" t="s">
        <v>30</v>
      </c>
      <c r="B91" s="4" t="s">
        <v>156</v>
      </c>
      <c r="C91" s="6" t="s">
        <v>55</v>
      </c>
      <c r="D91" s="4" t="s">
        <v>157</v>
      </c>
      <c r="E91" s="231">
        <v>45969</v>
      </c>
      <c r="F91" s="231">
        <v>46011</v>
      </c>
      <c r="G91" s="39" t="s">
        <v>158</v>
      </c>
      <c r="H91" s="39" t="s">
        <v>159</v>
      </c>
      <c r="I91" s="39" t="s">
        <v>146</v>
      </c>
      <c r="J91" s="39" t="s">
        <v>154</v>
      </c>
      <c r="K91" s="39" t="s">
        <v>70</v>
      </c>
      <c r="L91" s="10" t="s">
        <v>62</v>
      </c>
      <c r="M91" s="39" t="s">
        <v>147</v>
      </c>
      <c r="N91" s="2" t="s">
        <v>160</v>
      </c>
    </row>
    <row r="92" spans="1:14" ht="79.2" x14ac:dyDescent="0.2">
      <c r="A92" s="4" t="s">
        <v>30</v>
      </c>
      <c r="B92" s="4" t="s">
        <v>2202</v>
      </c>
      <c r="C92" s="7" t="s">
        <v>55</v>
      </c>
      <c r="D92" s="4" t="s">
        <v>2203</v>
      </c>
      <c r="E92" s="231">
        <v>45905</v>
      </c>
      <c r="F92" s="231">
        <v>45970</v>
      </c>
      <c r="G92" s="39" t="s">
        <v>2204</v>
      </c>
      <c r="H92" s="39" t="s">
        <v>2205</v>
      </c>
      <c r="I92" s="39" t="s">
        <v>2206</v>
      </c>
      <c r="J92" s="39" t="s">
        <v>60</v>
      </c>
      <c r="K92" s="39" t="s">
        <v>70</v>
      </c>
      <c r="L92" s="10" t="s">
        <v>85</v>
      </c>
      <c r="M92" s="39" t="s">
        <v>2206</v>
      </c>
      <c r="N92" s="159"/>
    </row>
    <row r="93" spans="1:14" ht="39.6" x14ac:dyDescent="0.2">
      <c r="A93" s="4" t="s">
        <v>31</v>
      </c>
      <c r="B93" s="4" t="s">
        <v>548</v>
      </c>
      <c r="C93" s="6" t="s">
        <v>549</v>
      </c>
      <c r="D93" s="4" t="s">
        <v>550</v>
      </c>
      <c r="E93" s="231">
        <v>45920</v>
      </c>
      <c r="F93" s="231">
        <v>45950</v>
      </c>
      <c r="G93" s="39" t="s">
        <v>551</v>
      </c>
      <c r="H93" s="39" t="s">
        <v>552</v>
      </c>
      <c r="I93" s="39" t="s">
        <v>553</v>
      </c>
      <c r="J93" s="39" t="s">
        <v>554</v>
      </c>
      <c r="K93" s="39" t="s">
        <v>61</v>
      </c>
      <c r="L93" s="10" t="s">
        <v>85</v>
      </c>
      <c r="M93" s="39" t="s">
        <v>555</v>
      </c>
      <c r="N93" s="5"/>
    </row>
    <row r="94" spans="1:14" ht="66" x14ac:dyDescent="0.2">
      <c r="A94" s="4" t="s">
        <v>31</v>
      </c>
      <c r="B94" s="4" t="s">
        <v>556</v>
      </c>
      <c r="C94" s="6" t="s">
        <v>549</v>
      </c>
      <c r="D94" s="4" t="s">
        <v>557</v>
      </c>
      <c r="E94" s="231">
        <v>45949</v>
      </c>
      <c r="F94" s="231">
        <v>45949</v>
      </c>
      <c r="G94" s="39" t="s">
        <v>558</v>
      </c>
      <c r="H94" s="39" t="s">
        <v>559</v>
      </c>
      <c r="I94" s="39" t="s">
        <v>553</v>
      </c>
      <c r="J94" s="39" t="s">
        <v>115</v>
      </c>
      <c r="K94" s="39" t="s">
        <v>61</v>
      </c>
      <c r="L94" s="10" t="s">
        <v>85</v>
      </c>
      <c r="M94" s="39" t="s">
        <v>555</v>
      </c>
      <c r="N94" s="5"/>
    </row>
    <row r="95" spans="1:14" ht="90.6" customHeight="1" x14ac:dyDescent="0.2">
      <c r="A95" s="4" t="s">
        <v>31</v>
      </c>
      <c r="B95" s="4" t="s">
        <v>54</v>
      </c>
      <c r="C95" s="6" t="s">
        <v>55</v>
      </c>
      <c r="D95" s="4" t="s">
        <v>56</v>
      </c>
      <c r="E95" s="231">
        <v>45955</v>
      </c>
      <c r="F95" s="231">
        <v>45955</v>
      </c>
      <c r="G95" s="39" t="s">
        <v>57</v>
      </c>
      <c r="H95" s="39" t="s">
        <v>58</v>
      </c>
      <c r="I95" s="39" t="s">
        <v>59</v>
      </c>
      <c r="J95" s="39" t="s">
        <v>60</v>
      </c>
      <c r="K95" s="39" t="s">
        <v>61</v>
      </c>
      <c r="L95" s="10" t="s">
        <v>62</v>
      </c>
      <c r="M95" s="39" t="s">
        <v>59</v>
      </c>
      <c r="N95" s="2" t="s">
        <v>63</v>
      </c>
    </row>
    <row r="96" spans="1:14" ht="117" customHeight="1" x14ac:dyDescent="0.2">
      <c r="A96" s="11" t="s">
        <v>31</v>
      </c>
      <c r="B96" s="11" t="s">
        <v>117</v>
      </c>
      <c r="C96" s="20" t="s">
        <v>80</v>
      </c>
      <c r="D96" s="11" t="s">
        <v>118</v>
      </c>
      <c r="E96" s="231" t="s">
        <v>119</v>
      </c>
      <c r="F96" s="231" t="s">
        <v>119</v>
      </c>
      <c r="G96" s="39" t="s">
        <v>120</v>
      </c>
      <c r="H96" s="39" t="s">
        <v>121</v>
      </c>
      <c r="I96" s="39" t="s">
        <v>122</v>
      </c>
      <c r="J96" s="39" t="s">
        <v>123</v>
      </c>
      <c r="K96" s="39" t="s">
        <v>61</v>
      </c>
      <c r="L96" s="10" t="s">
        <v>116</v>
      </c>
      <c r="M96" s="39" t="s">
        <v>124</v>
      </c>
      <c r="N96" s="194"/>
    </row>
    <row r="97" spans="1:14" ht="81" x14ac:dyDescent="0.2">
      <c r="A97" s="11" t="s">
        <v>32</v>
      </c>
      <c r="B97" s="11" t="s">
        <v>64</v>
      </c>
      <c r="C97" s="20" t="s">
        <v>55</v>
      </c>
      <c r="D97" s="11" t="s">
        <v>65</v>
      </c>
      <c r="E97" s="233">
        <v>45907</v>
      </c>
      <c r="F97" s="233">
        <v>46012</v>
      </c>
      <c r="G97" s="50" t="s">
        <v>66</v>
      </c>
      <c r="H97" s="50" t="s">
        <v>67</v>
      </c>
      <c r="I97" s="49" t="s">
        <v>68</v>
      </c>
      <c r="J97" s="50" t="s">
        <v>69</v>
      </c>
      <c r="K97" s="50" t="s">
        <v>70</v>
      </c>
      <c r="L97" s="70" t="s">
        <v>62</v>
      </c>
      <c r="M97" s="50" t="s">
        <v>71</v>
      </c>
      <c r="N97" s="2" t="s">
        <v>72</v>
      </c>
    </row>
    <row r="98" spans="1:14" ht="100.2" customHeight="1" x14ac:dyDescent="0.2">
      <c r="A98" s="4" t="s">
        <v>32</v>
      </c>
      <c r="B98" s="4" t="s">
        <v>560</v>
      </c>
      <c r="C98" s="6" t="s">
        <v>55</v>
      </c>
      <c r="D98" s="4" t="s">
        <v>561</v>
      </c>
      <c r="E98" s="231">
        <v>45918</v>
      </c>
      <c r="F98" s="231">
        <v>45918</v>
      </c>
      <c r="G98" s="39" t="s">
        <v>562</v>
      </c>
      <c r="H98" s="39" t="s">
        <v>563</v>
      </c>
      <c r="I98" s="39" t="s">
        <v>562</v>
      </c>
      <c r="J98" s="39" t="s">
        <v>115</v>
      </c>
      <c r="K98" s="39" t="s">
        <v>61</v>
      </c>
      <c r="L98" s="10" t="s">
        <v>62</v>
      </c>
      <c r="M98" s="39" t="s">
        <v>564</v>
      </c>
      <c r="N98" s="5"/>
    </row>
    <row r="99" spans="1:14" ht="100.2" customHeight="1" x14ac:dyDescent="0.2">
      <c r="A99" s="4" t="s">
        <v>32</v>
      </c>
      <c r="B99" s="4" t="s">
        <v>565</v>
      </c>
      <c r="C99" s="6" t="s">
        <v>55</v>
      </c>
      <c r="D99" s="4" t="s">
        <v>566</v>
      </c>
      <c r="E99" s="231">
        <v>45970</v>
      </c>
      <c r="F99" s="231">
        <v>45970</v>
      </c>
      <c r="G99" s="39" t="s">
        <v>562</v>
      </c>
      <c r="H99" s="39" t="s">
        <v>567</v>
      </c>
      <c r="I99" s="39" t="s">
        <v>562</v>
      </c>
      <c r="J99" s="39" t="s">
        <v>568</v>
      </c>
      <c r="K99" s="39" t="s">
        <v>61</v>
      </c>
      <c r="L99" s="10" t="s">
        <v>62</v>
      </c>
      <c r="M99" s="39" t="s">
        <v>562</v>
      </c>
      <c r="N99" s="5"/>
    </row>
    <row r="100" spans="1:14" ht="92.4" x14ac:dyDescent="0.2">
      <c r="A100" s="11" t="s">
        <v>33</v>
      </c>
      <c r="B100" s="11" t="s">
        <v>1664</v>
      </c>
      <c r="C100" s="20" t="s">
        <v>99</v>
      </c>
      <c r="D100" s="11" t="s">
        <v>1665</v>
      </c>
      <c r="E100" s="233">
        <v>45971</v>
      </c>
      <c r="F100" s="233">
        <v>45971</v>
      </c>
      <c r="G100" s="50" t="s">
        <v>1666</v>
      </c>
      <c r="H100" s="50" t="s">
        <v>1667</v>
      </c>
      <c r="I100" s="49" t="s">
        <v>1584</v>
      </c>
      <c r="J100" s="50" t="s">
        <v>60</v>
      </c>
      <c r="K100" s="50" t="s">
        <v>70</v>
      </c>
      <c r="L100" s="70" t="s">
        <v>62</v>
      </c>
      <c r="M100" s="50" t="s">
        <v>1585</v>
      </c>
      <c r="N100" s="2" t="s">
        <v>1586</v>
      </c>
    </row>
    <row r="101" spans="1:14" ht="97.2" x14ac:dyDescent="0.2">
      <c r="A101" s="4" t="s">
        <v>34</v>
      </c>
      <c r="B101" s="4" t="s">
        <v>133</v>
      </c>
      <c r="C101" s="6" t="s">
        <v>55</v>
      </c>
      <c r="D101" s="4" t="s">
        <v>134</v>
      </c>
      <c r="E101" s="231">
        <v>45948</v>
      </c>
      <c r="F101" s="231">
        <v>45948</v>
      </c>
      <c r="G101" s="39" t="s">
        <v>135</v>
      </c>
      <c r="H101" s="39" t="s">
        <v>136</v>
      </c>
      <c r="I101" s="39" t="s">
        <v>137</v>
      </c>
      <c r="J101" s="39" t="s">
        <v>138</v>
      </c>
      <c r="K101" s="39" t="s">
        <v>139</v>
      </c>
      <c r="L101" s="10" t="s">
        <v>62</v>
      </c>
      <c r="M101" s="39" t="s">
        <v>140</v>
      </c>
      <c r="N101" s="2" t="s">
        <v>141</v>
      </c>
    </row>
    <row r="102" spans="1:14" ht="81" x14ac:dyDescent="0.2">
      <c r="A102" s="14" t="s">
        <v>35</v>
      </c>
      <c r="B102" s="14" t="s">
        <v>1668</v>
      </c>
      <c r="C102" s="15" t="s">
        <v>600</v>
      </c>
      <c r="D102" s="14" t="s">
        <v>1669</v>
      </c>
      <c r="E102" s="230">
        <v>45941</v>
      </c>
      <c r="F102" s="230">
        <v>45941</v>
      </c>
      <c r="G102" s="13" t="s">
        <v>1670</v>
      </c>
      <c r="H102" s="13" t="s">
        <v>1671</v>
      </c>
      <c r="I102" s="13" t="s">
        <v>1672</v>
      </c>
      <c r="J102" s="13" t="s">
        <v>1673</v>
      </c>
      <c r="K102" s="13" t="s">
        <v>70</v>
      </c>
      <c r="L102" s="17" t="s">
        <v>62</v>
      </c>
      <c r="M102" s="13" t="s">
        <v>1674</v>
      </c>
      <c r="N102" s="2" t="s">
        <v>1675</v>
      </c>
    </row>
    <row r="103" spans="1:14" ht="81" x14ac:dyDescent="0.2">
      <c r="A103" s="14" t="s">
        <v>35</v>
      </c>
      <c r="B103" s="14" t="s">
        <v>1676</v>
      </c>
      <c r="C103" s="15" t="s">
        <v>600</v>
      </c>
      <c r="D103" s="14" t="s">
        <v>1677</v>
      </c>
      <c r="E103" s="230">
        <v>45942</v>
      </c>
      <c r="F103" s="230">
        <v>45942</v>
      </c>
      <c r="G103" s="13" t="s">
        <v>1678</v>
      </c>
      <c r="H103" s="13" t="s">
        <v>1671</v>
      </c>
      <c r="I103" s="13" t="s">
        <v>1672</v>
      </c>
      <c r="J103" s="13" t="s">
        <v>1679</v>
      </c>
      <c r="K103" s="13" t="s">
        <v>70</v>
      </c>
      <c r="L103" s="17" t="s">
        <v>62</v>
      </c>
      <c r="M103" s="13" t="s">
        <v>1674</v>
      </c>
      <c r="N103" s="2" t="s">
        <v>1675</v>
      </c>
    </row>
    <row r="104" spans="1:14" ht="92.4" x14ac:dyDescent="0.2">
      <c r="A104" s="14" t="s">
        <v>35</v>
      </c>
      <c r="B104" s="14" t="s">
        <v>1680</v>
      </c>
      <c r="C104" s="15" t="s">
        <v>600</v>
      </c>
      <c r="D104" s="14" t="s">
        <v>1681</v>
      </c>
      <c r="E104" s="230">
        <v>45948</v>
      </c>
      <c r="F104" s="230">
        <v>45948</v>
      </c>
      <c r="G104" s="13" t="s">
        <v>1682</v>
      </c>
      <c r="H104" s="13" t="s">
        <v>1671</v>
      </c>
      <c r="I104" s="13" t="s">
        <v>1672</v>
      </c>
      <c r="J104" s="13" t="s">
        <v>1673</v>
      </c>
      <c r="K104" s="13" t="s">
        <v>61</v>
      </c>
      <c r="L104" s="17" t="s">
        <v>62</v>
      </c>
      <c r="M104" s="13" t="s">
        <v>1674</v>
      </c>
      <c r="N104" s="2" t="s">
        <v>1675</v>
      </c>
    </row>
    <row r="105" spans="1:14" ht="70.8" customHeight="1" x14ac:dyDescent="0.2">
      <c r="A105" s="14" t="s">
        <v>35</v>
      </c>
      <c r="B105" s="14" t="s">
        <v>1683</v>
      </c>
      <c r="C105" s="15" t="s">
        <v>600</v>
      </c>
      <c r="D105" s="14" t="s">
        <v>1684</v>
      </c>
      <c r="E105" s="230">
        <v>45957</v>
      </c>
      <c r="F105" s="230">
        <v>45957</v>
      </c>
      <c r="G105" s="13" t="s">
        <v>1685</v>
      </c>
      <c r="H105" s="13" t="s">
        <v>1671</v>
      </c>
      <c r="I105" s="13" t="s">
        <v>1672</v>
      </c>
      <c r="J105" s="13" t="s">
        <v>1045</v>
      </c>
      <c r="K105" s="13" t="s">
        <v>70</v>
      </c>
      <c r="L105" s="17" t="s">
        <v>62</v>
      </c>
      <c r="M105" s="13" t="s">
        <v>1674</v>
      </c>
      <c r="N105" s="2" t="s">
        <v>1675</v>
      </c>
    </row>
    <row r="106" spans="1:14" ht="39.6" x14ac:dyDescent="0.2">
      <c r="A106" s="14" t="s">
        <v>2187</v>
      </c>
      <c r="B106" s="14" t="s">
        <v>2188</v>
      </c>
      <c r="C106" s="15" t="s">
        <v>55</v>
      </c>
      <c r="D106" s="14" t="s">
        <v>2189</v>
      </c>
      <c r="E106" s="230" t="s">
        <v>2190</v>
      </c>
      <c r="F106" s="230" t="s">
        <v>2190</v>
      </c>
      <c r="G106" s="13" t="s">
        <v>2191</v>
      </c>
      <c r="H106" s="13" t="s">
        <v>2192</v>
      </c>
      <c r="I106" s="13" t="s">
        <v>2191</v>
      </c>
      <c r="J106" s="13" t="s">
        <v>60</v>
      </c>
      <c r="K106" s="13" t="s">
        <v>61</v>
      </c>
      <c r="L106" s="17" t="s">
        <v>62</v>
      </c>
      <c r="M106" s="13" t="s">
        <v>2193</v>
      </c>
      <c r="N106" s="2"/>
    </row>
    <row r="107" spans="1:14" ht="97.2" customHeight="1" x14ac:dyDescent="0.2">
      <c r="A107" s="4" t="s">
        <v>36</v>
      </c>
      <c r="B107" s="4" t="s">
        <v>569</v>
      </c>
      <c r="C107" s="6" t="s">
        <v>99</v>
      </c>
      <c r="D107" s="4" t="s">
        <v>570</v>
      </c>
      <c r="E107" s="231">
        <v>45931</v>
      </c>
      <c r="F107" s="231">
        <v>46166</v>
      </c>
      <c r="G107" s="39" t="s">
        <v>571</v>
      </c>
      <c r="H107" s="39" t="s">
        <v>572</v>
      </c>
      <c r="I107" s="39" t="s">
        <v>571</v>
      </c>
      <c r="J107" s="39" t="s">
        <v>573</v>
      </c>
      <c r="K107" s="39" t="s">
        <v>70</v>
      </c>
      <c r="L107" s="10" t="s">
        <v>85</v>
      </c>
      <c r="M107" s="39" t="s">
        <v>571</v>
      </c>
      <c r="N107" s="196" t="s">
        <v>574</v>
      </c>
    </row>
    <row r="108" spans="1:14" ht="97.2" customHeight="1" x14ac:dyDescent="0.2">
      <c r="A108" s="4" t="s">
        <v>36</v>
      </c>
      <c r="B108" s="4" t="s">
        <v>575</v>
      </c>
      <c r="C108" s="6" t="s">
        <v>99</v>
      </c>
      <c r="D108" s="4" t="s">
        <v>576</v>
      </c>
      <c r="E108" s="231">
        <v>45948</v>
      </c>
      <c r="F108" s="231">
        <v>45948</v>
      </c>
      <c r="G108" s="39" t="s">
        <v>571</v>
      </c>
      <c r="H108" s="39" t="s">
        <v>572</v>
      </c>
      <c r="I108" s="39" t="s">
        <v>571</v>
      </c>
      <c r="J108" s="39" t="s">
        <v>573</v>
      </c>
      <c r="K108" s="39" t="s">
        <v>577</v>
      </c>
      <c r="L108" s="10" t="s">
        <v>85</v>
      </c>
      <c r="M108" s="39" t="s">
        <v>571</v>
      </c>
      <c r="N108" s="196" t="s">
        <v>574</v>
      </c>
    </row>
    <row r="109" spans="1:14" ht="79.2" x14ac:dyDescent="0.2">
      <c r="A109" s="4" t="s">
        <v>36</v>
      </c>
      <c r="B109" s="4" t="s">
        <v>578</v>
      </c>
      <c r="C109" s="6" t="s">
        <v>99</v>
      </c>
      <c r="D109" s="4" t="s">
        <v>579</v>
      </c>
      <c r="E109" s="231">
        <v>45964</v>
      </c>
      <c r="F109" s="231">
        <v>45964</v>
      </c>
      <c r="G109" s="39" t="s">
        <v>571</v>
      </c>
      <c r="H109" s="39" t="s">
        <v>572</v>
      </c>
      <c r="I109" s="39" t="s">
        <v>571</v>
      </c>
      <c r="J109" s="39" t="s">
        <v>573</v>
      </c>
      <c r="K109" s="39" t="s">
        <v>577</v>
      </c>
      <c r="L109" s="10" t="s">
        <v>62</v>
      </c>
      <c r="M109" s="39" t="s">
        <v>571</v>
      </c>
      <c r="N109" s="196" t="s">
        <v>574</v>
      </c>
    </row>
    <row r="110" spans="1:14" ht="81" x14ac:dyDescent="0.2">
      <c r="A110" s="4" t="s">
        <v>37</v>
      </c>
      <c r="B110" s="4" t="s">
        <v>374</v>
      </c>
      <c r="C110" s="6" t="s">
        <v>99</v>
      </c>
      <c r="D110" s="4" t="s">
        <v>375</v>
      </c>
      <c r="E110" s="231">
        <v>45918</v>
      </c>
      <c r="F110" s="231">
        <v>45918</v>
      </c>
      <c r="G110" s="39" t="s">
        <v>376</v>
      </c>
      <c r="H110" s="39" t="s">
        <v>377</v>
      </c>
      <c r="I110" s="39" t="s">
        <v>378</v>
      </c>
      <c r="J110" s="39" t="s">
        <v>60</v>
      </c>
      <c r="K110" s="39" t="s">
        <v>70</v>
      </c>
      <c r="L110" s="10" t="s">
        <v>62</v>
      </c>
      <c r="M110" s="39" t="s">
        <v>379</v>
      </c>
      <c r="N110" s="2" t="s">
        <v>380</v>
      </c>
    </row>
    <row r="111" spans="1:14" ht="81" x14ac:dyDescent="0.2">
      <c r="A111" s="4" t="s">
        <v>37</v>
      </c>
      <c r="B111" s="4" t="s">
        <v>381</v>
      </c>
      <c r="C111" s="6" t="s">
        <v>99</v>
      </c>
      <c r="D111" s="4" t="s">
        <v>382</v>
      </c>
      <c r="E111" s="231">
        <v>45920</v>
      </c>
      <c r="F111" s="231">
        <v>45920</v>
      </c>
      <c r="G111" s="39" t="s">
        <v>383</v>
      </c>
      <c r="H111" s="39" t="s">
        <v>377</v>
      </c>
      <c r="I111" s="39" t="s">
        <v>378</v>
      </c>
      <c r="J111" s="39" t="s">
        <v>60</v>
      </c>
      <c r="K111" s="39" t="s">
        <v>70</v>
      </c>
      <c r="L111" s="10" t="s">
        <v>62</v>
      </c>
      <c r="M111" s="39" t="s">
        <v>379</v>
      </c>
      <c r="N111" s="2" t="s">
        <v>380</v>
      </c>
    </row>
    <row r="112" spans="1:14" ht="97.2" x14ac:dyDescent="0.2">
      <c r="A112" s="4" t="s">
        <v>37</v>
      </c>
      <c r="B112" s="4" t="s">
        <v>384</v>
      </c>
      <c r="C112" s="6" t="s">
        <v>55</v>
      </c>
      <c r="D112" s="4" t="s">
        <v>385</v>
      </c>
      <c r="E112" s="231">
        <v>45920</v>
      </c>
      <c r="F112" s="231">
        <v>45920</v>
      </c>
      <c r="G112" s="39" t="s">
        <v>386</v>
      </c>
      <c r="H112" s="39" t="s">
        <v>387</v>
      </c>
      <c r="I112" s="39" t="s">
        <v>378</v>
      </c>
      <c r="J112" s="187" t="s">
        <v>388</v>
      </c>
      <c r="K112" s="187" t="s">
        <v>70</v>
      </c>
      <c r="L112" s="187" t="s">
        <v>62</v>
      </c>
      <c r="M112" s="187" t="s">
        <v>389</v>
      </c>
      <c r="N112" s="27" t="s">
        <v>390</v>
      </c>
    </row>
    <row r="113" spans="1:14" ht="81" x14ac:dyDescent="0.2">
      <c r="A113" s="6" t="s">
        <v>37</v>
      </c>
      <c r="B113" s="6" t="s">
        <v>391</v>
      </c>
      <c r="C113" s="6" t="s">
        <v>55</v>
      </c>
      <c r="D113" s="6" t="s">
        <v>392</v>
      </c>
      <c r="E113" s="231">
        <v>45934</v>
      </c>
      <c r="F113" s="231">
        <v>45934</v>
      </c>
      <c r="G113" s="10" t="s">
        <v>393</v>
      </c>
      <c r="H113" s="187" t="s">
        <v>377</v>
      </c>
      <c r="I113" s="39" t="s">
        <v>378</v>
      </c>
      <c r="J113" s="39" t="s">
        <v>60</v>
      </c>
      <c r="K113" s="39" t="s">
        <v>70</v>
      </c>
      <c r="L113" s="10" t="s">
        <v>62</v>
      </c>
      <c r="M113" s="32" t="s">
        <v>394</v>
      </c>
      <c r="N113" s="58" t="s">
        <v>395</v>
      </c>
    </row>
    <row r="114" spans="1:14" ht="132.6" customHeight="1" x14ac:dyDescent="0.2">
      <c r="A114" s="6" t="s">
        <v>37</v>
      </c>
      <c r="B114" s="6" t="s">
        <v>396</v>
      </c>
      <c r="C114" s="6" t="s">
        <v>55</v>
      </c>
      <c r="D114" s="6" t="s">
        <v>397</v>
      </c>
      <c r="E114" s="231">
        <v>45935</v>
      </c>
      <c r="F114" s="231">
        <v>45935</v>
      </c>
      <c r="G114" s="10" t="s">
        <v>393</v>
      </c>
      <c r="H114" s="187" t="s">
        <v>377</v>
      </c>
      <c r="I114" s="39" t="s">
        <v>378</v>
      </c>
      <c r="J114" s="39" t="s">
        <v>60</v>
      </c>
      <c r="K114" s="39" t="s">
        <v>70</v>
      </c>
      <c r="L114" s="10" t="s">
        <v>62</v>
      </c>
      <c r="M114" s="32" t="s">
        <v>394</v>
      </c>
      <c r="N114" s="58" t="s">
        <v>395</v>
      </c>
    </row>
    <row r="115" spans="1:14" ht="105.6" x14ac:dyDescent="0.2">
      <c r="A115" s="4" t="s">
        <v>37</v>
      </c>
      <c r="B115" s="4" t="s">
        <v>398</v>
      </c>
      <c r="C115" s="6" t="s">
        <v>99</v>
      </c>
      <c r="D115" s="188" t="s">
        <v>399</v>
      </c>
      <c r="E115" s="231">
        <v>45941</v>
      </c>
      <c r="F115" s="231">
        <v>45942</v>
      </c>
      <c r="G115" s="39" t="s">
        <v>400</v>
      </c>
      <c r="H115" s="39" t="s">
        <v>377</v>
      </c>
      <c r="I115" s="39" t="s">
        <v>378</v>
      </c>
      <c r="J115" s="39" t="s">
        <v>60</v>
      </c>
      <c r="K115" s="39" t="s">
        <v>70</v>
      </c>
      <c r="L115" s="10" t="s">
        <v>62</v>
      </c>
      <c r="M115" s="39" t="s">
        <v>379</v>
      </c>
      <c r="N115" s="2" t="s">
        <v>380</v>
      </c>
    </row>
    <row r="116" spans="1:14" ht="163.95" customHeight="1" x14ac:dyDescent="0.2">
      <c r="A116" s="4" t="s">
        <v>37</v>
      </c>
      <c r="B116" s="4" t="s">
        <v>401</v>
      </c>
      <c r="C116" s="6" t="s">
        <v>55</v>
      </c>
      <c r="D116" s="4" t="s">
        <v>402</v>
      </c>
      <c r="E116" s="231">
        <v>45942</v>
      </c>
      <c r="F116" s="231">
        <v>45942</v>
      </c>
      <c r="G116" s="39" t="s">
        <v>403</v>
      </c>
      <c r="H116" s="39" t="s">
        <v>377</v>
      </c>
      <c r="I116" s="39" t="s">
        <v>378</v>
      </c>
      <c r="J116" s="39" t="s">
        <v>388</v>
      </c>
      <c r="K116" s="39" t="s">
        <v>61</v>
      </c>
      <c r="L116" s="10" t="s">
        <v>62</v>
      </c>
      <c r="M116" s="39" t="s">
        <v>389</v>
      </c>
      <c r="N116" s="2" t="s">
        <v>390</v>
      </c>
    </row>
    <row r="117" spans="1:14" ht="132" x14ac:dyDescent="0.2">
      <c r="A117" s="6" t="s">
        <v>37</v>
      </c>
      <c r="B117" s="6" t="s">
        <v>404</v>
      </c>
      <c r="C117" s="6" t="s">
        <v>55</v>
      </c>
      <c r="D117" s="6" t="s">
        <v>2173</v>
      </c>
      <c r="E117" s="231">
        <v>45944</v>
      </c>
      <c r="F117" s="231">
        <v>45944</v>
      </c>
      <c r="G117" s="10" t="s">
        <v>383</v>
      </c>
      <c r="H117" s="187" t="s">
        <v>377</v>
      </c>
      <c r="I117" s="39" t="s">
        <v>378</v>
      </c>
      <c r="J117" s="39" t="s">
        <v>60</v>
      </c>
      <c r="K117" s="39" t="s">
        <v>70</v>
      </c>
      <c r="L117" s="10" t="s">
        <v>62</v>
      </c>
      <c r="M117" s="32" t="s">
        <v>394</v>
      </c>
      <c r="N117" s="2" t="s">
        <v>406</v>
      </c>
    </row>
    <row r="118" spans="1:14" ht="164.4" customHeight="1" x14ac:dyDescent="0.2">
      <c r="A118" s="6" t="s">
        <v>37</v>
      </c>
      <c r="B118" s="6" t="s">
        <v>407</v>
      </c>
      <c r="C118" s="6" t="s">
        <v>55</v>
      </c>
      <c r="D118" s="6" t="s">
        <v>392</v>
      </c>
      <c r="E118" s="231">
        <v>45948</v>
      </c>
      <c r="F118" s="231">
        <v>45948</v>
      </c>
      <c r="G118" s="10" t="s">
        <v>393</v>
      </c>
      <c r="H118" s="187" t="s">
        <v>377</v>
      </c>
      <c r="I118" s="39" t="s">
        <v>378</v>
      </c>
      <c r="J118" s="39" t="s">
        <v>60</v>
      </c>
      <c r="K118" s="39" t="s">
        <v>70</v>
      </c>
      <c r="L118" s="10" t="s">
        <v>62</v>
      </c>
      <c r="M118" s="32" t="s">
        <v>394</v>
      </c>
      <c r="N118" s="58" t="s">
        <v>395</v>
      </c>
    </row>
    <row r="119" spans="1:14" ht="132" x14ac:dyDescent="0.2">
      <c r="A119" s="6" t="s">
        <v>37</v>
      </c>
      <c r="B119" s="6" t="s">
        <v>408</v>
      </c>
      <c r="C119" s="6" t="s">
        <v>55</v>
      </c>
      <c r="D119" s="6" t="s">
        <v>409</v>
      </c>
      <c r="E119" s="231">
        <v>45951</v>
      </c>
      <c r="F119" s="231">
        <v>45951</v>
      </c>
      <c r="G119" s="10" t="s">
        <v>383</v>
      </c>
      <c r="H119" s="187" t="s">
        <v>377</v>
      </c>
      <c r="I119" s="39" t="s">
        <v>378</v>
      </c>
      <c r="J119" s="39" t="s">
        <v>60</v>
      </c>
      <c r="K119" s="39" t="s">
        <v>70</v>
      </c>
      <c r="L119" s="10" t="s">
        <v>62</v>
      </c>
      <c r="M119" s="32" t="s">
        <v>394</v>
      </c>
      <c r="N119" s="2" t="s">
        <v>406</v>
      </c>
    </row>
    <row r="120" spans="1:14" ht="81" x14ac:dyDescent="0.2">
      <c r="A120" s="4" t="s">
        <v>37</v>
      </c>
      <c r="B120" s="4" t="s">
        <v>410</v>
      </c>
      <c r="C120" s="6" t="s">
        <v>99</v>
      </c>
      <c r="D120" s="4" t="s">
        <v>411</v>
      </c>
      <c r="E120" s="231">
        <v>45955</v>
      </c>
      <c r="F120" s="231">
        <v>45955</v>
      </c>
      <c r="G120" s="39" t="s">
        <v>400</v>
      </c>
      <c r="H120" s="39" t="s">
        <v>377</v>
      </c>
      <c r="I120" s="39" t="s">
        <v>378</v>
      </c>
      <c r="J120" s="39" t="s">
        <v>60</v>
      </c>
      <c r="K120" s="39" t="s">
        <v>70</v>
      </c>
      <c r="L120" s="10" t="s">
        <v>62</v>
      </c>
      <c r="M120" s="39" t="s">
        <v>379</v>
      </c>
      <c r="N120" s="2" t="s">
        <v>380</v>
      </c>
    </row>
    <row r="121" spans="1:14" ht="97.2" x14ac:dyDescent="0.2">
      <c r="A121" s="4" t="s">
        <v>37</v>
      </c>
      <c r="B121" s="4" t="s">
        <v>384</v>
      </c>
      <c r="C121" s="6" t="s">
        <v>55</v>
      </c>
      <c r="D121" s="4" t="s">
        <v>385</v>
      </c>
      <c r="E121" s="231">
        <v>45955</v>
      </c>
      <c r="F121" s="231">
        <v>45955</v>
      </c>
      <c r="G121" s="39" t="s">
        <v>386</v>
      </c>
      <c r="H121" s="39" t="s">
        <v>387</v>
      </c>
      <c r="I121" s="39" t="s">
        <v>378</v>
      </c>
      <c r="J121" s="187" t="s">
        <v>388</v>
      </c>
      <c r="K121" s="187" t="s">
        <v>70</v>
      </c>
      <c r="L121" s="187" t="s">
        <v>62</v>
      </c>
      <c r="M121" s="187" t="s">
        <v>389</v>
      </c>
      <c r="N121" s="27" t="s">
        <v>390</v>
      </c>
    </row>
    <row r="122" spans="1:14" ht="156.6" customHeight="1" x14ac:dyDescent="0.2">
      <c r="A122" s="4" t="s">
        <v>37</v>
      </c>
      <c r="B122" s="4" t="s">
        <v>412</v>
      </c>
      <c r="C122" s="6" t="s">
        <v>80</v>
      </c>
      <c r="D122" s="4" t="s">
        <v>413</v>
      </c>
      <c r="E122" s="231">
        <v>45958</v>
      </c>
      <c r="F122" s="231">
        <v>45958</v>
      </c>
      <c r="G122" s="39" t="s">
        <v>400</v>
      </c>
      <c r="H122" s="39" t="s">
        <v>377</v>
      </c>
      <c r="I122" s="39" t="s">
        <v>378</v>
      </c>
      <c r="J122" s="39" t="s">
        <v>60</v>
      </c>
      <c r="K122" s="39" t="s">
        <v>61</v>
      </c>
      <c r="L122" s="10" t="s">
        <v>85</v>
      </c>
      <c r="M122" s="39" t="s">
        <v>414</v>
      </c>
      <c r="N122" s="2" t="s">
        <v>380</v>
      </c>
    </row>
    <row r="123" spans="1:14" ht="156.6" customHeight="1" x14ac:dyDescent="0.2">
      <c r="A123" s="6" t="s">
        <v>37</v>
      </c>
      <c r="B123" s="6" t="s">
        <v>415</v>
      </c>
      <c r="C123" s="6" t="s">
        <v>55</v>
      </c>
      <c r="D123" s="6" t="s">
        <v>416</v>
      </c>
      <c r="E123" s="231">
        <v>45958</v>
      </c>
      <c r="F123" s="231">
        <v>45958</v>
      </c>
      <c r="G123" s="10" t="s">
        <v>383</v>
      </c>
      <c r="H123" s="187" t="s">
        <v>377</v>
      </c>
      <c r="I123" s="39" t="s">
        <v>378</v>
      </c>
      <c r="J123" s="39" t="s">
        <v>60</v>
      </c>
      <c r="K123" s="39" t="s">
        <v>70</v>
      </c>
      <c r="L123" s="10" t="s">
        <v>62</v>
      </c>
      <c r="M123" s="32" t="s">
        <v>394</v>
      </c>
      <c r="N123" s="2" t="s">
        <v>406</v>
      </c>
    </row>
    <row r="124" spans="1:14" ht="132" x14ac:dyDescent="0.2">
      <c r="A124" s="11" t="s">
        <v>37</v>
      </c>
      <c r="B124" s="11" t="s">
        <v>2118</v>
      </c>
      <c r="C124" s="20" t="s">
        <v>55</v>
      </c>
      <c r="D124" s="11" t="s">
        <v>2119</v>
      </c>
      <c r="E124" s="233">
        <v>45963</v>
      </c>
      <c r="F124" s="233">
        <v>45963</v>
      </c>
      <c r="G124" s="50" t="s">
        <v>2120</v>
      </c>
      <c r="H124" s="50" t="s">
        <v>2121</v>
      </c>
      <c r="I124" s="24" t="s">
        <v>2122</v>
      </c>
      <c r="J124" s="24" t="s">
        <v>60</v>
      </c>
      <c r="K124" s="50" t="s">
        <v>70</v>
      </c>
      <c r="L124" s="70" t="s">
        <v>85</v>
      </c>
      <c r="M124" s="24" t="s">
        <v>2123</v>
      </c>
      <c r="N124" s="196" t="s">
        <v>2124</v>
      </c>
    </row>
    <row r="125" spans="1:14" ht="81" x14ac:dyDescent="0.2">
      <c r="A125" s="6" t="s">
        <v>37</v>
      </c>
      <c r="B125" s="6" t="s">
        <v>417</v>
      </c>
      <c r="C125" s="6" t="s">
        <v>80</v>
      </c>
      <c r="D125" s="6" t="s">
        <v>418</v>
      </c>
      <c r="E125" s="231">
        <v>45963</v>
      </c>
      <c r="F125" s="231">
        <v>45964</v>
      </c>
      <c r="G125" s="39" t="s">
        <v>403</v>
      </c>
      <c r="H125" s="187" t="s">
        <v>377</v>
      </c>
      <c r="I125" s="39" t="s">
        <v>378</v>
      </c>
      <c r="J125" s="187" t="s">
        <v>60</v>
      </c>
      <c r="K125" s="39" t="s">
        <v>61</v>
      </c>
      <c r="L125" s="39" t="s">
        <v>419</v>
      </c>
      <c r="M125" s="39" t="s">
        <v>420</v>
      </c>
      <c r="N125" s="2" t="s">
        <v>380</v>
      </c>
    </row>
    <row r="126" spans="1:14" ht="97.2" x14ac:dyDescent="0.2">
      <c r="A126" s="6" t="s">
        <v>37</v>
      </c>
      <c r="B126" s="6" t="s">
        <v>421</v>
      </c>
      <c r="C126" s="6" t="s">
        <v>55</v>
      </c>
      <c r="D126" s="6" t="s">
        <v>422</v>
      </c>
      <c r="E126" s="231">
        <v>45963</v>
      </c>
      <c r="F126" s="231">
        <v>45964</v>
      </c>
      <c r="G126" s="10" t="s">
        <v>403</v>
      </c>
      <c r="H126" s="187" t="s">
        <v>377</v>
      </c>
      <c r="I126" s="39" t="s">
        <v>378</v>
      </c>
      <c r="J126" s="39" t="s">
        <v>388</v>
      </c>
      <c r="K126" s="39" t="s">
        <v>61</v>
      </c>
      <c r="L126" s="10" t="s">
        <v>62</v>
      </c>
      <c r="M126" s="187" t="s">
        <v>389</v>
      </c>
      <c r="N126" s="2" t="s">
        <v>390</v>
      </c>
    </row>
    <row r="127" spans="1:14" ht="81" x14ac:dyDescent="0.2">
      <c r="A127" s="4" t="s">
        <v>37</v>
      </c>
      <c r="B127" s="4" t="s">
        <v>423</v>
      </c>
      <c r="C127" s="6" t="s">
        <v>80</v>
      </c>
      <c r="D127" s="4" t="s">
        <v>424</v>
      </c>
      <c r="E127" s="231">
        <v>45967</v>
      </c>
      <c r="F127" s="231">
        <v>45967</v>
      </c>
      <c r="G127" s="39" t="s">
        <v>425</v>
      </c>
      <c r="H127" s="39" t="s">
        <v>377</v>
      </c>
      <c r="I127" s="39" t="s">
        <v>378</v>
      </c>
      <c r="J127" s="39" t="s">
        <v>60</v>
      </c>
      <c r="K127" s="39" t="s">
        <v>61</v>
      </c>
      <c r="L127" s="10" t="s">
        <v>62</v>
      </c>
      <c r="M127" s="39" t="s">
        <v>414</v>
      </c>
      <c r="N127" s="2" t="s">
        <v>380</v>
      </c>
    </row>
    <row r="128" spans="1:14" ht="81" x14ac:dyDescent="0.2">
      <c r="A128" s="4" t="s">
        <v>37</v>
      </c>
      <c r="B128" s="4" t="s">
        <v>426</v>
      </c>
      <c r="C128" s="6" t="s">
        <v>99</v>
      </c>
      <c r="D128" s="4" t="s">
        <v>411</v>
      </c>
      <c r="E128" s="231">
        <v>45969</v>
      </c>
      <c r="F128" s="231">
        <v>45969</v>
      </c>
      <c r="G128" s="39" t="s">
        <v>400</v>
      </c>
      <c r="H128" s="39" t="s">
        <v>377</v>
      </c>
      <c r="I128" s="39" t="s">
        <v>378</v>
      </c>
      <c r="J128" s="39" t="s">
        <v>60</v>
      </c>
      <c r="K128" s="39" t="s">
        <v>70</v>
      </c>
      <c r="L128" s="10" t="s">
        <v>62</v>
      </c>
      <c r="M128" s="39" t="s">
        <v>379</v>
      </c>
      <c r="N128" s="2" t="s">
        <v>380</v>
      </c>
    </row>
    <row r="129" spans="1:15" ht="81" x14ac:dyDescent="0.2">
      <c r="A129" s="6" t="s">
        <v>37</v>
      </c>
      <c r="B129" s="4" t="s">
        <v>427</v>
      </c>
      <c r="C129" s="6" t="s">
        <v>55</v>
      </c>
      <c r="D129" s="4" t="s">
        <v>428</v>
      </c>
      <c r="E129" s="231">
        <v>45970</v>
      </c>
      <c r="F129" s="231">
        <v>45970</v>
      </c>
      <c r="G129" s="10" t="s">
        <v>393</v>
      </c>
      <c r="H129" s="187" t="s">
        <v>377</v>
      </c>
      <c r="I129" s="39" t="s">
        <v>378</v>
      </c>
      <c r="J129" s="39" t="s">
        <v>60</v>
      </c>
      <c r="K129" s="39" t="s">
        <v>70</v>
      </c>
      <c r="L129" s="10" t="s">
        <v>62</v>
      </c>
      <c r="M129" s="32" t="s">
        <v>394</v>
      </c>
      <c r="N129" s="58" t="s">
        <v>395</v>
      </c>
    </row>
    <row r="130" spans="1:15" ht="81" x14ac:dyDescent="0.2">
      <c r="A130" s="4" t="s">
        <v>37</v>
      </c>
      <c r="B130" s="4" t="s">
        <v>429</v>
      </c>
      <c r="C130" s="6" t="s">
        <v>80</v>
      </c>
      <c r="D130" s="4" t="s">
        <v>430</v>
      </c>
      <c r="E130" s="231">
        <v>45972</v>
      </c>
      <c r="F130" s="231">
        <v>45972</v>
      </c>
      <c r="G130" s="39" t="s">
        <v>425</v>
      </c>
      <c r="H130" s="39" t="s">
        <v>377</v>
      </c>
      <c r="I130" s="39" t="s">
        <v>378</v>
      </c>
      <c r="J130" s="39" t="s">
        <v>60</v>
      </c>
      <c r="K130" s="39" t="s">
        <v>61</v>
      </c>
      <c r="L130" s="10" t="s">
        <v>62</v>
      </c>
      <c r="M130" s="39" t="s">
        <v>414</v>
      </c>
      <c r="N130" s="2" t="s">
        <v>380</v>
      </c>
    </row>
    <row r="131" spans="1:15" ht="97.2" x14ac:dyDescent="0.2">
      <c r="A131" s="4" t="s">
        <v>37</v>
      </c>
      <c r="B131" s="4" t="s">
        <v>384</v>
      </c>
      <c r="C131" s="6" t="s">
        <v>55</v>
      </c>
      <c r="D131" s="4" t="s">
        <v>385</v>
      </c>
      <c r="E131" s="231">
        <v>45977</v>
      </c>
      <c r="F131" s="231">
        <v>45977</v>
      </c>
      <c r="G131" s="39" t="s">
        <v>386</v>
      </c>
      <c r="H131" s="39" t="s">
        <v>387</v>
      </c>
      <c r="I131" s="39" t="s">
        <v>378</v>
      </c>
      <c r="J131" s="187" t="s">
        <v>388</v>
      </c>
      <c r="K131" s="187" t="s">
        <v>70</v>
      </c>
      <c r="L131" s="187" t="s">
        <v>62</v>
      </c>
      <c r="M131" s="187" t="s">
        <v>389</v>
      </c>
      <c r="N131" s="27" t="s">
        <v>390</v>
      </c>
    </row>
    <row r="132" spans="1:15" ht="145.19999999999999" x14ac:dyDescent="0.2">
      <c r="A132" s="6" t="s">
        <v>580</v>
      </c>
      <c r="B132" s="6" t="s">
        <v>581</v>
      </c>
      <c r="C132" s="6" t="s">
        <v>99</v>
      </c>
      <c r="D132" s="6" t="s">
        <v>582</v>
      </c>
      <c r="E132" s="99">
        <v>45954</v>
      </c>
      <c r="F132" s="231">
        <v>45956</v>
      </c>
      <c r="G132" s="100" t="s">
        <v>583</v>
      </c>
      <c r="H132" s="220" t="s">
        <v>2231</v>
      </c>
      <c r="I132" s="39" t="s">
        <v>584</v>
      </c>
      <c r="J132" s="39" t="s">
        <v>115</v>
      </c>
      <c r="K132" s="39" t="s">
        <v>585</v>
      </c>
      <c r="L132" s="10" t="s">
        <v>116</v>
      </c>
      <c r="M132" s="39" t="s">
        <v>586</v>
      </c>
      <c r="N132" s="197" t="s">
        <v>587</v>
      </c>
    </row>
    <row r="133" spans="1:15" ht="102" customHeight="1" x14ac:dyDescent="0.2">
      <c r="A133" s="6" t="s">
        <v>588</v>
      </c>
      <c r="B133" s="6" t="s">
        <v>589</v>
      </c>
      <c r="C133" s="7" t="s">
        <v>55</v>
      </c>
      <c r="D133" s="6" t="s">
        <v>590</v>
      </c>
      <c r="E133" s="231">
        <v>45917</v>
      </c>
      <c r="F133" s="231">
        <v>45978</v>
      </c>
      <c r="G133" s="39" t="s">
        <v>591</v>
      </c>
      <c r="H133" s="39" t="s">
        <v>592</v>
      </c>
      <c r="I133" s="39" t="s">
        <v>591</v>
      </c>
      <c r="J133" s="39" t="s">
        <v>60</v>
      </c>
      <c r="K133" s="39" t="s">
        <v>61</v>
      </c>
      <c r="L133" s="10" t="s">
        <v>85</v>
      </c>
      <c r="M133" s="39" t="s">
        <v>591</v>
      </c>
      <c r="N133" s="1" t="s">
        <v>593</v>
      </c>
    </row>
    <row r="134" spans="1:15" ht="52.8" x14ac:dyDescent="0.2">
      <c r="A134" s="6" t="s">
        <v>588</v>
      </c>
      <c r="B134" s="8" t="s">
        <v>624</v>
      </c>
      <c r="C134" s="6" t="s">
        <v>600</v>
      </c>
      <c r="D134" s="8" t="s">
        <v>625</v>
      </c>
      <c r="E134" s="231">
        <v>45921</v>
      </c>
      <c r="F134" s="231">
        <v>45921</v>
      </c>
      <c r="G134" s="39" t="s">
        <v>626</v>
      </c>
      <c r="H134" s="39" t="s">
        <v>627</v>
      </c>
      <c r="I134" s="39" t="s">
        <v>628</v>
      </c>
      <c r="J134" s="39" t="s">
        <v>629</v>
      </c>
      <c r="K134" s="39" t="s">
        <v>70</v>
      </c>
      <c r="L134" s="10" t="s">
        <v>62</v>
      </c>
      <c r="M134" s="39" t="s">
        <v>630</v>
      </c>
      <c r="N134" s="5"/>
    </row>
    <row r="135" spans="1:15" ht="120.6" customHeight="1" x14ac:dyDescent="0.2">
      <c r="A135" s="18" t="s">
        <v>588</v>
      </c>
      <c r="B135" s="18" t="s">
        <v>1715</v>
      </c>
      <c r="C135" s="20" t="s">
        <v>55</v>
      </c>
      <c r="D135" s="18" t="s">
        <v>1716</v>
      </c>
      <c r="E135" s="234">
        <v>45921</v>
      </c>
      <c r="F135" s="234">
        <v>45949</v>
      </c>
      <c r="G135" s="49" t="s">
        <v>1702</v>
      </c>
      <c r="H135" s="49" t="s">
        <v>1703</v>
      </c>
      <c r="I135" s="49" t="s">
        <v>1672</v>
      </c>
      <c r="J135" s="49" t="s">
        <v>554</v>
      </c>
      <c r="K135" s="49" t="s">
        <v>61</v>
      </c>
      <c r="L135" s="21" t="s">
        <v>62</v>
      </c>
      <c r="M135" s="49" t="s">
        <v>1704</v>
      </c>
      <c r="N135" s="2" t="s">
        <v>1705</v>
      </c>
    </row>
    <row r="136" spans="1:15" ht="97.2" x14ac:dyDescent="0.2">
      <c r="A136" s="18" t="s">
        <v>588</v>
      </c>
      <c r="B136" s="18" t="s">
        <v>1710</v>
      </c>
      <c r="C136" s="20" t="s">
        <v>55</v>
      </c>
      <c r="D136" s="18" t="s">
        <v>1711</v>
      </c>
      <c r="E136" s="234">
        <v>45921</v>
      </c>
      <c r="F136" s="234">
        <v>45977</v>
      </c>
      <c r="G136" s="49" t="s">
        <v>1702</v>
      </c>
      <c r="H136" s="49" t="s">
        <v>1703</v>
      </c>
      <c r="I136" s="49" t="s">
        <v>1712</v>
      </c>
      <c r="J136" s="49" t="s">
        <v>554</v>
      </c>
      <c r="K136" s="49" t="s">
        <v>61</v>
      </c>
      <c r="L136" s="21" t="s">
        <v>85</v>
      </c>
      <c r="M136" s="49" t="s">
        <v>1704</v>
      </c>
      <c r="N136" s="2" t="s">
        <v>1705</v>
      </c>
    </row>
    <row r="137" spans="1:15" ht="97.2" x14ac:dyDescent="0.2">
      <c r="A137" s="18" t="s">
        <v>588</v>
      </c>
      <c r="B137" s="18" t="s">
        <v>1700</v>
      </c>
      <c r="C137" s="20" t="s">
        <v>55</v>
      </c>
      <c r="D137" s="18" t="s">
        <v>1701</v>
      </c>
      <c r="E137" s="234">
        <v>45927</v>
      </c>
      <c r="F137" s="234">
        <v>45969</v>
      </c>
      <c r="G137" s="49" t="s">
        <v>1702</v>
      </c>
      <c r="H137" s="49" t="s">
        <v>1703</v>
      </c>
      <c r="I137" s="49" t="s">
        <v>1672</v>
      </c>
      <c r="J137" s="49" t="s">
        <v>554</v>
      </c>
      <c r="K137" s="49" t="s">
        <v>70</v>
      </c>
      <c r="L137" s="21" t="s">
        <v>62</v>
      </c>
      <c r="M137" s="49" t="s">
        <v>1704</v>
      </c>
      <c r="N137" s="2" t="s">
        <v>1705</v>
      </c>
    </row>
    <row r="138" spans="1:15" ht="97.2" x14ac:dyDescent="0.2">
      <c r="A138" s="18" t="s">
        <v>588</v>
      </c>
      <c r="B138" s="18" t="s">
        <v>1717</v>
      </c>
      <c r="C138" s="20" t="s">
        <v>55</v>
      </c>
      <c r="D138" s="18" t="s">
        <v>1718</v>
      </c>
      <c r="E138" s="234">
        <v>45928</v>
      </c>
      <c r="F138" s="234">
        <v>45928</v>
      </c>
      <c r="G138" s="49" t="s">
        <v>1702</v>
      </c>
      <c r="H138" s="49" t="s">
        <v>1703</v>
      </c>
      <c r="I138" s="49" t="s">
        <v>1672</v>
      </c>
      <c r="J138" s="49" t="s">
        <v>1719</v>
      </c>
      <c r="K138" s="49" t="s">
        <v>61</v>
      </c>
      <c r="L138" s="21" t="s">
        <v>85</v>
      </c>
      <c r="M138" s="49" t="s">
        <v>1704</v>
      </c>
      <c r="N138" s="2" t="s">
        <v>1705</v>
      </c>
    </row>
    <row r="139" spans="1:15" ht="52.8" x14ac:dyDescent="0.2">
      <c r="A139" s="6" t="s">
        <v>588</v>
      </c>
      <c r="B139" s="8" t="s">
        <v>637</v>
      </c>
      <c r="C139" s="6" t="s">
        <v>55</v>
      </c>
      <c r="D139" s="8" t="s">
        <v>638</v>
      </c>
      <c r="E139" s="235">
        <v>45931</v>
      </c>
      <c r="F139" s="235">
        <v>45931</v>
      </c>
      <c r="G139" s="220" t="s">
        <v>2243</v>
      </c>
      <c r="H139" s="39" t="s">
        <v>634</v>
      </c>
      <c r="I139" s="39" t="s">
        <v>639</v>
      </c>
      <c r="J139" s="39" t="s">
        <v>636</v>
      </c>
      <c r="K139" s="39" t="s">
        <v>577</v>
      </c>
      <c r="L139" s="10" t="s">
        <v>62</v>
      </c>
      <c r="M139" s="39" t="s">
        <v>630</v>
      </c>
      <c r="N139" s="5"/>
    </row>
    <row r="140" spans="1:15" ht="97.2" x14ac:dyDescent="0.2">
      <c r="A140" s="18" t="s">
        <v>588</v>
      </c>
      <c r="B140" s="18" t="s">
        <v>1706</v>
      </c>
      <c r="C140" s="20" t="s">
        <v>55</v>
      </c>
      <c r="D140" s="18" t="s">
        <v>1707</v>
      </c>
      <c r="E140" s="234">
        <v>45934</v>
      </c>
      <c r="F140" s="234">
        <v>45934</v>
      </c>
      <c r="G140" s="49" t="s">
        <v>1702</v>
      </c>
      <c r="H140" s="49" t="s">
        <v>1703</v>
      </c>
      <c r="I140" s="49" t="s">
        <v>1708</v>
      </c>
      <c r="J140" s="49" t="s">
        <v>554</v>
      </c>
      <c r="K140" s="49" t="s">
        <v>61</v>
      </c>
      <c r="L140" s="21" t="s">
        <v>85</v>
      </c>
      <c r="M140" s="49" t="s">
        <v>1709</v>
      </c>
      <c r="N140" s="2" t="s">
        <v>1705</v>
      </c>
    </row>
    <row r="141" spans="1:15" ht="70.2" customHeight="1" x14ac:dyDescent="0.2">
      <c r="A141" s="6" t="s">
        <v>588</v>
      </c>
      <c r="B141" s="8" t="s">
        <v>613</v>
      </c>
      <c r="C141" s="6" t="s">
        <v>600</v>
      </c>
      <c r="D141" s="8" t="s">
        <v>614</v>
      </c>
      <c r="E141" s="231">
        <v>45934</v>
      </c>
      <c r="F141" s="231">
        <v>45962</v>
      </c>
      <c r="G141" s="39" t="s">
        <v>615</v>
      </c>
      <c r="H141" s="39" t="s">
        <v>603</v>
      </c>
      <c r="I141" s="39" t="s">
        <v>616</v>
      </c>
      <c r="J141" s="39" t="s">
        <v>60</v>
      </c>
      <c r="K141" s="39" t="s">
        <v>61</v>
      </c>
      <c r="L141" s="10" t="s">
        <v>85</v>
      </c>
      <c r="M141" s="39" t="s">
        <v>606</v>
      </c>
      <c r="N141" s="5"/>
    </row>
    <row r="142" spans="1:15" ht="70.2" customHeight="1" x14ac:dyDescent="0.2">
      <c r="A142" s="6" t="s">
        <v>588</v>
      </c>
      <c r="B142" s="8" t="s">
        <v>631</v>
      </c>
      <c r="C142" s="6" t="s">
        <v>55</v>
      </c>
      <c r="D142" s="8" t="s">
        <v>632</v>
      </c>
      <c r="E142" s="231">
        <v>45935</v>
      </c>
      <c r="F142" s="231">
        <v>45935</v>
      </c>
      <c r="G142" s="39" t="s">
        <v>633</v>
      </c>
      <c r="H142" s="39" t="s">
        <v>634</v>
      </c>
      <c r="I142" s="39" t="s">
        <v>635</v>
      </c>
      <c r="J142" s="39" t="s">
        <v>636</v>
      </c>
      <c r="K142" s="39" t="s">
        <v>61</v>
      </c>
      <c r="L142" s="10" t="s">
        <v>85</v>
      </c>
      <c r="M142" s="39" t="s">
        <v>630</v>
      </c>
      <c r="N142" s="5"/>
    </row>
    <row r="143" spans="1:15" ht="145.80000000000001" customHeight="1" x14ac:dyDescent="0.2">
      <c r="A143" s="18" t="s">
        <v>588</v>
      </c>
      <c r="B143" s="18" t="s">
        <v>2268</v>
      </c>
      <c r="C143" s="20" t="s">
        <v>89</v>
      </c>
      <c r="D143" s="18" t="s">
        <v>2287</v>
      </c>
      <c r="E143" s="234">
        <v>45938</v>
      </c>
      <c r="F143" s="234">
        <v>45938</v>
      </c>
      <c r="G143" s="18" t="s">
        <v>2269</v>
      </c>
      <c r="H143" s="18" t="s">
        <v>2270</v>
      </c>
      <c r="I143" s="18" t="s">
        <v>2271</v>
      </c>
      <c r="J143" s="18" t="s">
        <v>2272</v>
      </c>
      <c r="K143" s="18" t="s">
        <v>61</v>
      </c>
      <c r="L143" s="21" t="s">
        <v>62</v>
      </c>
      <c r="M143" s="18" t="s">
        <v>2273</v>
      </c>
      <c r="N143" s="237"/>
      <c r="O143" s="238"/>
    </row>
    <row r="144" spans="1:15" ht="70.2" customHeight="1" x14ac:dyDescent="0.2">
      <c r="A144" s="6" t="s">
        <v>588</v>
      </c>
      <c r="B144" s="8" t="s">
        <v>607</v>
      </c>
      <c r="C144" s="6" t="s">
        <v>99</v>
      </c>
      <c r="D144" s="8" t="s">
        <v>608</v>
      </c>
      <c r="E144" s="231">
        <v>45939</v>
      </c>
      <c r="F144" s="231">
        <v>45939</v>
      </c>
      <c r="G144" s="39" t="s">
        <v>609</v>
      </c>
      <c r="H144" s="39" t="s">
        <v>603</v>
      </c>
      <c r="I144" s="39" t="s">
        <v>606</v>
      </c>
      <c r="J144" s="39" t="s">
        <v>60</v>
      </c>
      <c r="K144" s="39" t="s">
        <v>61</v>
      </c>
      <c r="L144" s="10" t="s">
        <v>85</v>
      </c>
      <c r="M144" s="39" t="s">
        <v>606</v>
      </c>
      <c r="N144" s="5"/>
    </row>
    <row r="145" spans="1:14" ht="70.2" customHeight="1" x14ac:dyDescent="0.2">
      <c r="A145" s="6" t="s">
        <v>588</v>
      </c>
      <c r="B145" s="8" t="s">
        <v>621</v>
      </c>
      <c r="C145" s="6" t="s">
        <v>600</v>
      </c>
      <c r="D145" s="8" t="s">
        <v>622</v>
      </c>
      <c r="E145" s="231">
        <v>45941</v>
      </c>
      <c r="F145" s="231">
        <v>45941</v>
      </c>
      <c r="G145" s="39" t="s">
        <v>606</v>
      </c>
      <c r="H145" s="39" t="s">
        <v>603</v>
      </c>
      <c r="I145" s="39" t="s">
        <v>616</v>
      </c>
      <c r="J145" s="39" t="s">
        <v>623</v>
      </c>
      <c r="K145" s="39" t="s">
        <v>61</v>
      </c>
      <c r="L145" s="10" t="s">
        <v>62</v>
      </c>
      <c r="M145" s="39" t="s">
        <v>606</v>
      </c>
      <c r="N145" s="5"/>
    </row>
    <row r="146" spans="1:14" ht="70.2" customHeight="1" x14ac:dyDescent="0.2">
      <c r="A146" s="6" t="s">
        <v>588</v>
      </c>
      <c r="B146" s="8" t="s">
        <v>645</v>
      </c>
      <c r="C146" s="6" t="s">
        <v>55</v>
      </c>
      <c r="D146" s="8" t="s">
        <v>646</v>
      </c>
      <c r="E146" s="231">
        <v>45945</v>
      </c>
      <c r="F146" s="231">
        <v>45945</v>
      </c>
      <c r="G146" s="39" t="s">
        <v>647</v>
      </c>
      <c r="H146" s="39" t="s">
        <v>648</v>
      </c>
      <c r="I146" s="39" t="s">
        <v>649</v>
      </c>
      <c r="J146" s="39" t="s">
        <v>115</v>
      </c>
      <c r="K146" s="39" t="s">
        <v>61</v>
      </c>
      <c r="L146" s="10" t="s">
        <v>62</v>
      </c>
      <c r="M146" s="39" t="s">
        <v>647</v>
      </c>
      <c r="N146" s="2" t="s">
        <v>650</v>
      </c>
    </row>
    <row r="147" spans="1:14" ht="64.2" customHeight="1" x14ac:dyDescent="0.2">
      <c r="A147" s="6" t="s">
        <v>588</v>
      </c>
      <c r="B147" s="8" t="s">
        <v>610</v>
      </c>
      <c r="C147" s="6" t="s">
        <v>99</v>
      </c>
      <c r="D147" s="8" t="s">
        <v>611</v>
      </c>
      <c r="E147" s="231">
        <v>45948</v>
      </c>
      <c r="F147" s="231">
        <v>45948</v>
      </c>
      <c r="G147" s="39" t="s">
        <v>606</v>
      </c>
      <c r="H147" s="39" t="s">
        <v>603</v>
      </c>
      <c r="I147" s="39" t="s">
        <v>612</v>
      </c>
      <c r="J147" s="39" t="s">
        <v>60</v>
      </c>
      <c r="K147" s="39" t="s">
        <v>61</v>
      </c>
      <c r="L147" s="10" t="s">
        <v>85</v>
      </c>
      <c r="M147" s="39" t="s">
        <v>606</v>
      </c>
      <c r="N147" s="5"/>
    </row>
    <row r="148" spans="1:14" ht="91.2" customHeight="1" x14ac:dyDescent="0.2">
      <c r="A148" s="18" t="s">
        <v>588</v>
      </c>
      <c r="B148" s="18" t="s">
        <v>1720</v>
      </c>
      <c r="C148" s="20" t="s">
        <v>55</v>
      </c>
      <c r="D148" s="18" t="s">
        <v>1721</v>
      </c>
      <c r="E148" s="234">
        <v>45948</v>
      </c>
      <c r="F148" s="234">
        <v>45948</v>
      </c>
      <c r="G148" s="49" t="s">
        <v>1702</v>
      </c>
      <c r="H148" s="49" t="s">
        <v>1703</v>
      </c>
      <c r="I148" s="49" t="s">
        <v>1672</v>
      </c>
      <c r="J148" s="49" t="s">
        <v>554</v>
      </c>
      <c r="K148" s="49" t="s">
        <v>61</v>
      </c>
      <c r="L148" s="21" t="s">
        <v>62</v>
      </c>
      <c r="M148" s="49" t="s">
        <v>1709</v>
      </c>
      <c r="N148" s="2" t="s">
        <v>1705</v>
      </c>
    </row>
    <row r="149" spans="1:14" ht="203.4" customHeight="1" x14ac:dyDescent="0.2">
      <c r="A149" s="4" t="s">
        <v>588</v>
      </c>
      <c r="B149" s="4" t="s">
        <v>1729</v>
      </c>
      <c r="C149" s="6" t="s">
        <v>99</v>
      </c>
      <c r="D149" s="4" t="s">
        <v>1730</v>
      </c>
      <c r="E149" s="231">
        <v>45948</v>
      </c>
      <c r="F149" s="231">
        <v>45948</v>
      </c>
      <c r="G149" s="39" t="s">
        <v>1731</v>
      </c>
      <c r="H149" s="39" t="s">
        <v>1732</v>
      </c>
      <c r="I149" s="39" t="s">
        <v>1733</v>
      </c>
      <c r="J149" s="39" t="s">
        <v>60</v>
      </c>
      <c r="K149" s="39" t="s">
        <v>70</v>
      </c>
      <c r="L149" s="10" t="s">
        <v>982</v>
      </c>
      <c r="M149" s="39" t="s">
        <v>1734</v>
      </c>
      <c r="N149" s="170" t="s">
        <v>2230</v>
      </c>
    </row>
    <row r="150" spans="1:14" ht="169.95" customHeight="1" x14ac:dyDescent="0.2">
      <c r="A150" s="6" t="s">
        <v>588</v>
      </c>
      <c r="B150" s="6" t="s">
        <v>594</v>
      </c>
      <c r="C150" s="6" t="s">
        <v>55</v>
      </c>
      <c r="D150" s="6" t="s">
        <v>595</v>
      </c>
      <c r="E150" s="235">
        <v>45949</v>
      </c>
      <c r="F150" s="235">
        <v>45949</v>
      </c>
      <c r="G150" s="39" t="s">
        <v>591</v>
      </c>
      <c r="H150" s="39" t="s">
        <v>592</v>
      </c>
      <c r="I150" s="39" t="s">
        <v>591</v>
      </c>
      <c r="J150" s="39" t="s">
        <v>596</v>
      </c>
      <c r="K150" s="39" t="s">
        <v>61</v>
      </c>
      <c r="L150" s="10" t="s">
        <v>85</v>
      </c>
      <c r="M150" s="39" t="s">
        <v>591</v>
      </c>
      <c r="N150" s="2" t="s">
        <v>593</v>
      </c>
    </row>
    <row r="151" spans="1:14" ht="97.2" x14ac:dyDescent="0.2">
      <c r="A151" s="6" t="s">
        <v>588</v>
      </c>
      <c r="B151" s="8" t="s">
        <v>651</v>
      </c>
      <c r="C151" s="6" t="s">
        <v>55</v>
      </c>
      <c r="D151" s="222" t="s">
        <v>2247</v>
      </c>
      <c r="E151" s="231">
        <v>45949</v>
      </c>
      <c r="F151" s="231">
        <v>45949</v>
      </c>
      <c r="G151" s="39" t="s">
        <v>652</v>
      </c>
      <c r="H151" s="39" t="s">
        <v>653</v>
      </c>
      <c r="I151" s="39" t="s">
        <v>654</v>
      </c>
      <c r="J151" s="39" t="s">
        <v>60</v>
      </c>
      <c r="K151" s="39" t="s">
        <v>61</v>
      </c>
      <c r="L151" s="10" t="s">
        <v>85</v>
      </c>
      <c r="M151" s="39" t="s">
        <v>655</v>
      </c>
      <c r="N151" s="2" t="s">
        <v>656</v>
      </c>
    </row>
    <row r="152" spans="1:14" ht="97.2" x14ac:dyDescent="0.2">
      <c r="A152" s="18" t="s">
        <v>588</v>
      </c>
      <c r="B152" s="18" t="s">
        <v>1713</v>
      </c>
      <c r="C152" s="20" t="s">
        <v>55</v>
      </c>
      <c r="D152" s="18" t="s">
        <v>1714</v>
      </c>
      <c r="E152" s="234">
        <v>45958</v>
      </c>
      <c r="F152" s="234">
        <v>45958</v>
      </c>
      <c r="G152" s="49" t="s">
        <v>1702</v>
      </c>
      <c r="H152" s="49" t="s">
        <v>1703</v>
      </c>
      <c r="I152" s="49" t="s">
        <v>1672</v>
      </c>
      <c r="J152" s="49" t="s">
        <v>554</v>
      </c>
      <c r="K152" s="49" t="s">
        <v>61</v>
      </c>
      <c r="L152" s="21" t="s">
        <v>85</v>
      </c>
      <c r="M152" s="49" t="s">
        <v>1704</v>
      </c>
      <c r="N152" s="2" t="s">
        <v>1705</v>
      </c>
    </row>
    <row r="153" spans="1:14" ht="39.6" x14ac:dyDescent="0.2">
      <c r="A153" s="6" t="s">
        <v>588</v>
      </c>
      <c r="B153" s="8" t="s">
        <v>617</v>
      </c>
      <c r="C153" s="6" t="s">
        <v>55</v>
      </c>
      <c r="D153" s="8" t="s">
        <v>618</v>
      </c>
      <c r="E153" s="235">
        <v>45970</v>
      </c>
      <c r="F153" s="235">
        <v>45970</v>
      </c>
      <c r="G153" s="39" t="s">
        <v>619</v>
      </c>
      <c r="H153" s="39" t="s">
        <v>603</v>
      </c>
      <c r="I153" s="39" t="s">
        <v>620</v>
      </c>
      <c r="J153" s="39" t="s">
        <v>60</v>
      </c>
      <c r="K153" s="39" t="s">
        <v>61</v>
      </c>
      <c r="L153" s="10" t="s">
        <v>62</v>
      </c>
      <c r="M153" s="39" t="s">
        <v>606</v>
      </c>
      <c r="N153" s="5"/>
    </row>
    <row r="154" spans="1:14" ht="117" customHeight="1" x14ac:dyDescent="0.2">
      <c r="A154" s="6" t="s">
        <v>588</v>
      </c>
      <c r="B154" s="8" t="s">
        <v>597</v>
      </c>
      <c r="C154" s="6" t="s">
        <v>55</v>
      </c>
      <c r="D154" s="8" t="s">
        <v>598</v>
      </c>
      <c r="E154" s="235">
        <v>45970</v>
      </c>
      <c r="F154" s="235">
        <v>45970</v>
      </c>
      <c r="G154" s="39" t="s">
        <v>591</v>
      </c>
      <c r="H154" s="39" t="s">
        <v>592</v>
      </c>
      <c r="I154" s="39" t="s">
        <v>591</v>
      </c>
      <c r="J154" s="39" t="s">
        <v>60</v>
      </c>
      <c r="K154" s="39" t="s">
        <v>61</v>
      </c>
      <c r="L154" s="10" t="s">
        <v>85</v>
      </c>
      <c r="M154" s="39" t="s">
        <v>591</v>
      </c>
      <c r="N154" s="2" t="s">
        <v>593</v>
      </c>
    </row>
    <row r="155" spans="1:14" ht="168" customHeight="1" x14ac:dyDescent="0.2">
      <c r="A155" s="18" t="s">
        <v>588</v>
      </c>
      <c r="B155" s="18" t="s">
        <v>1722</v>
      </c>
      <c r="C155" s="20" t="s">
        <v>80</v>
      </c>
      <c r="D155" s="18" t="s">
        <v>1723</v>
      </c>
      <c r="E155" s="234">
        <v>45972</v>
      </c>
      <c r="F155" s="234">
        <v>45972</v>
      </c>
      <c r="G155" s="49" t="s">
        <v>1724</v>
      </c>
      <c r="H155" s="49" t="s">
        <v>1725</v>
      </c>
      <c r="I155" s="49" t="s">
        <v>1726</v>
      </c>
      <c r="J155" s="49" t="s">
        <v>554</v>
      </c>
      <c r="K155" s="49" t="s">
        <v>61</v>
      </c>
      <c r="L155" s="21" t="s">
        <v>62</v>
      </c>
      <c r="M155" s="49" t="s">
        <v>1727</v>
      </c>
      <c r="N155" s="2" t="s">
        <v>1728</v>
      </c>
    </row>
    <row r="156" spans="1:14" ht="65.400000000000006" customHeight="1" x14ac:dyDescent="0.2">
      <c r="A156" s="6" t="s">
        <v>588</v>
      </c>
      <c r="B156" s="8" t="s">
        <v>599</v>
      </c>
      <c r="C156" s="6" t="s">
        <v>600</v>
      </c>
      <c r="D156" s="8" t="s">
        <v>601</v>
      </c>
      <c r="E156" s="231">
        <v>45977</v>
      </c>
      <c r="F156" s="231">
        <v>45977</v>
      </c>
      <c r="G156" s="39" t="s">
        <v>602</v>
      </c>
      <c r="H156" s="39" t="s">
        <v>603</v>
      </c>
      <c r="I156" s="39" t="s">
        <v>604</v>
      </c>
      <c r="J156" s="39" t="s">
        <v>605</v>
      </c>
      <c r="K156" s="39" t="s">
        <v>61</v>
      </c>
      <c r="L156" s="10" t="s">
        <v>62</v>
      </c>
      <c r="M156" s="39" t="s">
        <v>606</v>
      </c>
      <c r="N156" s="5"/>
    </row>
    <row r="157" spans="1:14" ht="91.95" customHeight="1" x14ac:dyDescent="0.2">
      <c r="A157" s="6" t="s">
        <v>588</v>
      </c>
      <c r="B157" s="8" t="s">
        <v>640</v>
      </c>
      <c r="C157" s="220" t="s">
        <v>55</v>
      </c>
      <c r="D157" s="8" t="s">
        <v>641</v>
      </c>
      <c r="E157" s="231">
        <v>45977</v>
      </c>
      <c r="F157" s="231">
        <v>45977</v>
      </c>
      <c r="G157" s="39" t="s">
        <v>642</v>
      </c>
      <c r="H157" s="39" t="s">
        <v>634</v>
      </c>
      <c r="I157" s="39" t="s">
        <v>643</v>
      </c>
      <c r="J157" s="39" t="s">
        <v>644</v>
      </c>
      <c r="K157" s="39" t="s">
        <v>61</v>
      </c>
      <c r="L157" s="10" t="s">
        <v>85</v>
      </c>
      <c r="M157" s="39" t="s">
        <v>630</v>
      </c>
      <c r="N157" s="5"/>
    </row>
    <row r="158" spans="1:14" ht="91.95" customHeight="1" x14ac:dyDescent="0.2">
      <c r="A158" s="11" t="s">
        <v>588</v>
      </c>
      <c r="B158" s="11" t="s">
        <v>1696</v>
      </c>
      <c r="C158" s="20" t="s">
        <v>99</v>
      </c>
      <c r="D158" s="11" t="s">
        <v>1697</v>
      </c>
      <c r="E158" s="233" t="s">
        <v>1698</v>
      </c>
      <c r="F158" s="233" t="s">
        <v>1699</v>
      </c>
      <c r="G158" s="50" t="s">
        <v>1690</v>
      </c>
      <c r="H158" s="50" t="s">
        <v>1691</v>
      </c>
      <c r="I158" s="50" t="s">
        <v>1692</v>
      </c>
      <c r="J158" s="50" t="s">
        <v>1693</v>
      </c>
      <c r="K158" s="50" t="s">
        <v>70</v>
      </c>
      <c r="L158" s="70" t="s">
        <v>85</v>
      </c>
      <c r="M158" s="49" t="s">
        <v>1694</v>
      </c>
      <c r="N158" s="198" t="s">
        <v>1695</v>
      </c>
    </row>
    <row r="159" spans="1:14" ht="168" customHeight="1" x14ac:dyDescent="0.2">
      <c r="A159" s="11" t="s">
        <v>588</v>
      </c>
      <c r="B159" s="11" t="s">
        <v>1686</v>
      </c>
      <c r="C159" s="20" t="s">
        <v>99</v>
      </c>
      <c r="D159" s="11" t="s">
        <v>1687</v>
      </c>
      <c r="E159" s="233" t="s">
        <v>1688</v>
      </c>
      <c r="F159" s="233" t="s">
        <v>1689</v>
      </c>
      <c r="G159" s="50" t="s">
        <v>1690</v>
      </c>
      <c r="H159" s="50" t="s">
        <v>1691</v>
      </c>
      <c r="I159" s="50" t="s">
        <v>1692</v>
      </c>
      <c r="J159" s="50" t="s">
        <v>1693</v>
      </c>
      <c r="K159" s="50" t="s">
        <v>70</v>
      </c>
      <c r="L159" s="70" t="s">
        <v>85</v>
      </c>
      <c r="M159" s="49" t="s">
        <v>1694</v>
      </c>
      <c r="N159" s="198" t="s">
        <v>1695</v>
      </c>
    </row>
    <row r="160" spans="1:14" ht="86.4" customHeight="1" x14ac:dyDescent="0.2">
      <c r="A160" s="6" t="s">
        <v>657</v>
      </c>
      <c r="B160" s="8" t="s">
        <v>711</v>
      </c>
      <c r="C160" s="6" t="s">
        <v>55</v>
      </c>
      <c r="D160" s="8" t="s">
        <v>712</v>
      </c>
      <c r="E160" s="231">
        <v>45902</v>
      </c>
      <c r="F160" s="231">
        <v>45930</v>
      </c>
      <c r="G160" s="39" t="s">
        <v>713</v>
      </c>
      <c r="H160" s="39" t="s">
        <v>707</v>
      </c>
      <c r="I160" s="39" t="s">
        <v>710</v>
      </c>
      <c r="J160" s="39" t="s">
        <v>60</v>
      </c>
      <c r="K160" s="39" t="s">
        <v>61</v>
      </c>
      <c r="L160" s="10" t="s">
        <v>85</v>
      </c>
      <c r="M160" s="39" t="s">
        <v>710</v>
      </c>
      <c r="N160" s="5"/>
    </row>
    <row r="161" spans="1:14" ht="86.4" customHeight="1" x14ac:dyDescent="0.2">
      <c r="A161" s="6" t="s">
        <v>657</v>
      </c>
      <c r="B161" s="8" t="s">
        <v>665</v>
      </c>
      <c r="C161" s="6" t="s">
        <v>55</v>
      </c>
      <c r="D161" s="8" t="s">
        <v>666</v>
      </c>
      <c r="E161" s="231">
        <v>45904</v>
      </c>
      <c r="F161" s="231">
        <v>45930</v>
      </c>
      <c r="G161" s="32" t="s">
        <v>667</v>
      </c>
      <c r="H161" s="39" t="s">
        <v>661</v>
      </c>
      <c r="I161" s="39" t="s">
        <v>662</v>
      </c>
      <c r="J161" s="39" t="s">
        <v>663</v>
      </c>
      <c r="K161" s="39" t="s">
        <v>70</v>
      </c>
      <c r="L161" s="10" t="s">
        <v>62</v>
      </c>
      <c r="M161" s="32" t="s">
        <v>664</v>
      </c>
      <c r="N161" s="30"/>
    </row>
    <row r="162" spans="1:14" ht="86.4" customHeight="1" x14ac:dyDescent="0.2">
      <c r="A162" s="6" t="s">
        <v>657</v>
      </c>
      <c r="B162" s="8" t="s">
        <v>658</v>
      </c>
      <c r="C162" s="6" t="s">
        <v>55</v>
      </c>
      <c r="D162" s="8" t="s">
        <v>659</v>
      </c>
      <c r="E162" s="231">
        <v>45907</v>
      </c>
      <c r="F162" s="231">
        <v>45984</v>
      </c>
      <c r="G162" s="32" t="s">
        <v>660</v>
      </c>
      <c r="H162" s="39" t="s">
        <v>661</v>
      </c>
      <c r="I162" s="39" t="s">
        <v>662</v>
      </c>
      <c r="J162" s="39" t="s">
        <v>663</v>
      </c>
      <c r="K162" s="39" t="s">
        <v>61</v>
      </c>
      <c r="L162" s="10" t="s">
        <v>85</v>
      </c>
      <c r="M162" s="32" t="s">
        <v>664</v>
      </c>
      <c r="N162" s="30"/>
    </row>
    <row r="163" spans="1:14" ht="103.8" customHeight="1" x14ac:dyDescent="0.2">
      <c r="A163" s="6" t="s">
        <v>657</v>
      </c>
      <c r="B163" s="8" t="s">
        <v>704</v>
      </c>
      <c r="C163" s="6" t="s">
        <v>55</v>
      </c>
      <c r="D163" s="8" t="s">
        <v>705</v>
      </c>
      <c r="E163" s="231">
        <v>45920</v>
      </c>
      <c r="F163" s="231">
        <v>45920</v>
      </c>
      <c r="G163" s="39" t="s">
        <v>706</v>
      </c>
      <c r="H163" s="39" t="s">
        <v>707</v>
      </c>
      <c r="I163" s="39" t="s">
        <v>708</v>
      </c>
      <c r="J163" s="39" t="s">
        <v>709</v>
      </c>
      <c r="K163" s="39" t="s">
        <v>61</v>
      </c>
      <c r="L163" s="10" t="s">
        <v>62</v>
      </c>
      <c r="M163" s="39" t="s">
        <v>710</v>
      </c>
      <c r="N163" s="5"/>
    </row>
    <row r="164" spans="1:14" ht="82.95" customHeight="1" x14ac:dyDescent="0.2">
      <c r="A164" s="98" t="s">
        <v>657</v>
      </c>
      <c r="B164" s="6" t="s">
        <v>680</v>
      </c>
      <c r="C164" s="6" t="s">
        <v>55</v>
      </c>
      <c r="D164" s="6" t="s">
        <v>681</v>
      </c>
      <c r="E164" s="231">
        <v>45927</v>
      </c>
      <c r="F164" s="231">
        <v>45928</v>
      </c>
      <c r="G164" s="39" t="s">
        <v>682</v>
      </c>
      <c r="H164" s="39" t="s">
        <v>683</v>
      </c>
      <c r="I164" s="39" t="s">
        <v>684</v>
      </c>
      <c r="J164" s="39" t="s">
        <v>554</v>
      </c>
      <c r="K164" s="39" t="s">
        <v>61</v>
      </c>
      <c r="L164" s="10" t="s">
        <v>85</v>
      </c>
      <c r="M164" s="39" t="s">
        <v>685</v>
      </c>
      <c r="N164" s="2" t="s">
        <v>686</v>
      </c>
    </row>
    <row r="165" spans="1:14" ht="82.95" customHeight="1" x14ac:dyDescent="0.2">
      <c r="A165" s="6" t="s">
        <v>657</v>
      </c>
      <c r="B165" s="8" t="s">
        <v>668</v>
      </c>
      <c r="C165" s="6" t="s">
        <v>55</v>
      </c>
      <c r="D165" s="8" t="s">
        <v>669</v>
      </c>
      <c r="E165" s="231">
        <v>45934</v>
      </c>
      <c r="F165" s="231">
        <v>45961</v>
      </c>
      <c r="G165" s="32" t="s">
        <v>667</v>
      </c>
      <c r="H165" s="39" t="s">
        <v>661</v>
      </c>
      <c r="I165" s="39" t="s">
        <v>662</v>
      </c>
      <c r="J165" s="39" t="s">
        <v>663</v>
      </c>
      <c r="K165" s="39" t="s">
        <v>70</v>
      </c>
      <c r="L165" s="10" t="s">
        <v>62</v>
      </c>
      <c r="M165" s="32" t="s">
        <v>664</v>
      </c>
      <c r="N165" s="30"/>
    </row>
    <row r="166" spans="1:14" ht="99.6" customHeight="1" x14ac:dyDescent="0.2">
      <c r="A166" s="6" t="s">
        <v>657</v>
      </c>
      <c r="B166" s="8" t="s">
        <v>718</v>
      </c>
      <c r="C166" s="6" t="s">
        <v>55</v>
      </c>
      <c r="D166" s="8" t="s">
        <v>719</v>
      </c>
      <c r="E166" s="231">
        <v>45935</v>
      </c>
      <c r="F166" s="231">
        <v>45935</v>
      </c>
      <c r="G166" s="39" t="s">
        <v>706</v>
      </c>
      <c r="H166" s="39" t="s">
        <v>707</v>
      </c>
      <c r="I166" s="39" t="s">
        <v>708</v>
      </c>
      <c r="J166" s="39" t="s">
        <v>720</v>
      </c>
      <c r="K166" s="39" t="s">
        <v>61</v>
      </c>
      <c r="L166" s="10" t="s">
        <v>62</v>
      </c>
      <c r="M166" s="39" t="s">
        <v>710</v>
      </c>
      <c r="N166" s="5"/>
    </row>
    <row r="167" spans="1:14" ht="91.95" customHeight="1" x14ac:dyDescent="0.2">
      <c r="A167" s="6" t="s">
        <v>657</v>
      </c>
      <c r="B167" s="8" t="s">
        <v>729</v>
      </c>
      <c r="C167" s="6" t="s">
        <v>600</v>
      </c>
      <c r="D167" s="8" t="s">
        <v>730</v>
      </c>
      <c r="E167" s="231">
        <v>45935</v>
      </c>
      <c r="F167" s="231">
        <v>45935</v>
      </c>
      <c r="G167" s="39" t="s">
        <v>731</v>
      </c>
      <c r="H167" s="39" t="s">
        <v>690</v>
      </c>
      <c r="I167" s="39" t="s">
        <v>732</v>
      </c>
      <c r="J167" s="39" t="s">
        <v>733</v>
      </c>
      <c r="K167" s="39" t="s">
        <v>61</v>
      </c>
      <c r="L167" s="10" t="s">
        <v>85</v>
      </c>
      <c r="M167" s="39" t="s">
        <v>734</v>
      </c>
      <c r="N167" s="5"/>
    </row>
    <row r="168" spans="1:14" ht="68.400000000000006" customHeight="1" x14ac:dyDescent="0.2">
      <c r="A168" s="6" t="s">
        <v>657</v>
      </c>
      <c r="B168" s="8" t="s">
        <v>750</v>
      </c>
      <c r="C168" s="6" t="s">
        <v>55</v>
      </c>
      <c r="D168" s="8" t="s">
        <v>751</v>
      </c>
      <c r="E168" s="231">
        <v>45941</v>
      </c>
      <c r="F168" s="231">
        <v>45941</v>
      </c>
      <c r="G168" s="39" t="s">
        <v>752</v>
      </c>
      <c r="H168" s="39" t="s">
        <v>753</v>
      </c>
      <c r="I168" s="39" t="s">
        <v>754</v>
      </c>
      <c r="J168" s="39" t="s">
        <v>755</v>
      </c>
      <c r="K168" s="39" t="s">
        <v>70</v>
      </c>
      <c r="L168" s="10" t="s">
        <v>62</v>
      </c>
      <c r="M168" s="39" t="s">
        <v>756</v>
      </c>
      <c r="N168" s="5"/>
    </row>
    <row r="169" spans="1:14" ht="68.400000000000006" customHeight="1" x14ac:dyDescent="0.2">
      <c r="A169" s="6" t="s">
        <v>657</v>
      </c>
      <c r="B169" s="8" t="s">
        <v>670</v>
      </c>
      <c r="C169" s="6" t="s">
        <v>55</v>
      </c>
      <c r="D169" s="8" t="s">
        <v>671</v>
      </c>
      <c r="E169" s="231">
        <v>45948</v>
      </c>
      <c r="F169" s="231">
        <v>45948</v>
      </c>
      <c r="G169" s="32" t="s">
        <v>660</v>
      </c>
      <c r="H169" s="39" t="s">
        <v>661</v>
      </c>
      <c r="I169" s="39" t="s">
        <v>662</v>
      </c>
      <c r="J169" s="39" t="s">
        <v>663</v>
      </c>
      <c r="K169" s="39" t="s">
        <v>61</v>
      </c>
      <c r="L169" s="10" t="s">
        <v>85</v>
      </c>
      <c r="M169" s="32" t="s">
        <v>664</v>
      </c>
      <c r="N169" s="30"/>
    </row>
    <row r="170" spans="1:14" ht="68.400000000000006" customHeight="1" x14ac:dyDescent="0.2">
      <c r="A170" s="6" t="s">
        <v>657</v>
      </c>
      <c r="B170" s="8" t="s">
        <v>714</v>
      </c>
      <c r="C170" s="6" t="s">
        <v>600</v>
      </c>
      <c r="D170" s="8" t="s">
        <v>715</v>
      </c>
      <c r="E170" s="231">
        <v>45948</v>
      </c>
      <c r="F170" s="231">
        <v>45948</v>
      </c>
      <c r="G170" s="220" t="s">
        <v>2239</v>
      </c>
      <c r="H170" s="39" t="s">
        <v>707</v>
      </c>
      <c r="I170" s="39" t="s">
        <v>716</v>
      </c>
      <c r="J170" s="39" t="s">
        <v>717</v>
      </c>
      <c r="K170" s="39" t="s">
        <v>61</v>
      </c>
      <c r="L170" s="10" t="s">
        <v>62</v>
      </c>
      <c r="M170" s="39" t="s">
        <v>710</v>
      </c>
      <c r="N170" s="5"/>
    </row>
    <row r="171" spans="1:14" ht="71.400000000000006" customHeight="1" x14ac:dyDescent="0.2">
      <c r="A171" s="6" t="s">
        <v>657</v>
      </c>
      <c r="B171" s="8" t="s">
        <v>687</v>
      </c>
      <c r="C171" s="6" t="s">
        <v>55</v>
      </c>
      <c r="D171" s="8" t="s">
        <v>688</v>
      </c>
      <c r="E171" s="231">
        <v>45949</v>
      </c>
      <c r="F171" s="231">
        <v>45949</v>
      </c>
      <c r="G171" s="39" t="s">
        <v>689</v>
      </c>
      <c r="H171" s="39" t="s">
        <v>690</v>
      </c>
      <c r="I171" s="39" t="s">
        <v>691</v>
      </c>
      <c r="J171" s="39" t="s">
        <v>692</v>
      </c>
      <c r="K171" s="39" t="s">
        <v>61</v>
      </c>
      <c r="L171" s="10" t="s">
        <v>85</v>
      </c>
      <c r="M171" s="39" t="s">
        <v>689</v>
      </c>
      <c r="N171" s="5"/>
    </row>
    <row r="172" spans="1:14" ht="71.400000000000006" customHeight="1" x14ac:dyDescent="0.2">
      <c r="A172" s="6" t="s">
        <v>657</v>
      </c>
      <c r="B172" s="8" t="s">
        <v>693</v>
      </c>
      <c r="C172" s="6" t="s">
        <v>600</v>
      </c>
      <c r="D172" s="8" t="s">
        <v>694</v>
      </c>
      <c r="E172" s="231">
        <v>45949</v>
      </c>
      <c r="F172" s="231">
        <v>45949</v>
      </c>
      <c r="G172" s="39" t="s">
        <v>695</v>
      </c>
      <c r="H172" s="39" t="s">
        <v>696</v>
      </c>
      <c r="I172" s="39" t="s">
        <v>697</v>
      </c>
      <c r="J172" s="39" t="s">
        <v>115</v>
      </c>
      <c r="K172" s="39" t="s">
        <v>61</v>
      </c>
      <c r="L172" s="10" t="s">
        <v>85</v>
      </c>
      <c r="M172" s="39" t="s">
        <v>698</v>
      </c>
      <c r="N172" s="5"/>
    </row>
    <row r="173" spans="1:14" ht="103.8" customHeight="1" x14ac:dyDescent="0.2">
      <c r="A173" s="6" t="s">
        <v>657</v>
      </c>
      <c r="B173" s="8" t="s">
        <v>746</v>
      </c>
      <c r="C173" s="6" t="s">
        <v>600</v>
      </c>
      <c r="D173" s="8" t="s">
        <v>747</v>
      </c>
      <c r="E173" s="9">
        <v>45949</v>
      </c>
      <c r="F173" s="9">
        <v>45949</v>
      </c>
      <c r="G173" s="39" t="s">
        <v>748</v>
      </c>
      <c r="H173" s="220" t="s">
        <v>2240</v>
      </c>
      <c r="I173" s="39" t="s">
        <v>749</v>
      </c>
      <c r="J173" s="39" t="s">
        <v>744</v>
      </c>
      <c r="K173" s="39" t="s">
        <v>61</v>
      </c>
      <c r="L173" s="10" t="s">
        <v>85</v>
      </c>
      <c r="M173" s="39" t="s">
        <v>745</v>
      </c>
      <c r="N173" s="170" t="s">
        <v>2241</v>
      </c>
    </row>
    <row r="174" spans="1:14" ht="93" customHeight="1" x14ac:dyDescent="0.2">
      <c r="A174" s="220" t="s">
        <v>657</v>
      </c>
      <c r="B174" s="222" t="s">
        <v>2232</v>
      </c>
      <c r="C174" s="220" t="s">
        <v>55</v>
      </c>
      <c r="D174" s="222" t="s">
        <v>2233</v>
      </c>
      <c r="E174" s="235">
        <v>45955</v>
      </c>
      <c r="F174" s="235">
        <v>45955</v>
      </c>
      <c r="G174" s="220" t="s">
        <v>2234</v>
      </c>
      <c r="H174" s="220" t="s">
        <v>690</v>
      </c>
      <c r="I174" s="220" t="s">
        <v>2235</v>
      </c>
      <c r="J174" s="220" t="s">
        <v>2236</v>
      </c>
      <c r="K174" s="220" t="s">
        <v>70</v>
      </c>
      <c r="L174" s="220" t="s">
        <v>62</v>
      </c>
      <c r="M174" s="220" t="s">
        <v>689</v>
      </c>
      <c r="N174" s="221"/>
    </row>
    <row r="175" spans="1:14" ht="80.400000000000006" customHeight="1" x14ac:dyDescent="0.2">
      <c r="A175" s="6" t="s">
        <v>657</v>
      </c>
      <c r="B175" s="8" t="s">
        <v>672</v>
      </c>
      <c r="C175" s="6" t="s">
        <v>55</v>
      </c>
      <c r="D175" s="8" t="s">
        <v>673</v>
      </c>
      <c r="E175" s="9">
        <v>45955</v>
      </c>
      <c r="F175" s="9">
        <v>45955</v>
      </c>
      <c r="G175" s="32" t="s">
        <v>674</v>
      </c>
      <c r="H175" s="39" t="s">
        <v>661</v>
      </c>
      <c r="I175" s="39" t="s">
        <v>662</v>
      </c>
      <c r="J175" s="39" t="s">
        <v>663</v>
      </c>
      <c r="K175" s="39" t="s">
        <v>61</v>
      </c>
      <c r="L175" s="10" t="s">
        <v>62</v>
      </c>
      <c r="M175" s="32" t="s">
        <v>664</v>
      </c>
      <c r="N175" s="30"/>
    </row>
    <row r="176" spans="1:14" ht="80.400000000000006" customHeight="1" x14ac:dyDescent="0.2">
      <c r="A176" s="6" t="s">
        <v>657</v>
      </c>
      <c r="B176" s="8" t="s">
        <v>699</v>
      </c>
      <c r="C176" s="6" t="s">
        <v>600</v>
      </c>
      <c r="D176" s="8" t="s">
        <v>700</v>
      </c>
      <c r="E176" s="9">
        <v>45956</v>
      </c>
      <c r="F176" s="9">
        <v>45956</v>
      </c>
      <c r="G176" s="220" t="s">
        <v>2238</v>
      </c>
      <c r="H176" s="220" t="s">
        <v>696</v>
      </c>
      <c r="I176" s="39" t="s">
        <v>701</v>
      </c>
      <c r="J176" s="39" t="s">
        <v>702</v>
      </c>
      <c r="K176" s="39" t="s">
        <v>577</v>
      </c>
      <c r="L176" s="10" t="s">
        <v>62</v>
      </c>
      <c r="M176" s="39" t="s">
        <v>703</v>
      </c>
      <c r="N176" s="5"/>
    </row>
    <row r="177" spans="1:14" ht="80.400000000000006" customHeight="1" x14ac:dyDescent="0.2">
      <c r="A177" s="6" t="s">
        <v>657</v>
      </c>
      <c r="B177" s="8" t="s">
        <v>725</v>
      </c>
      <c r="C177" s="6" t="s">
        <v>600</v>
      </c>
      <c r="D177" s="8" t="s">
        <v>726</v>
      </c>
      <c r="E177" s="9">
        <v>45956</v>
      </c>
      <c r="F177" s="9">
        <v>45956</v>
      </c>
      <c r="G177" s="39" t="s">
        <v>727</v>
      </c>
      <c r="H177" s="39" t="s">
        <v>707</v>
      </c>
      <c r="I177" s="39" t="s">
        <v>728</v>
      </c>
      <c r="J177" s="39" t="s">
        <v>717</v>
      </c>
      <c r="K177" s="39" t="s">
        <v>61</v>
      </c>
      <c r="L177" s="10" t="s">
        <v>62</v>
      </c>
      <c r="M177" s="39" t="s">
        <v>710</v>
      </c>
      <c r="N177" s="5"/>
    </row>
    <row r="178" spans="1:14" ht="80.400000000000006" customHeight="1" x14ac:dyDescent="0.2">
      <c r="A178" s="6" t="s">
        <v>657</v>
      </c>
      <c r="B178" s="8" t="s">
        <v>757</v>
      </c>
      <c r="C178" s="6" t="s">
        <v>55</v>
      </c>
      <c r="D178" s="8" t="s">
        <v>758</v>
      </c>
      <c r="E178" s="9">
        <v>45956</v>
      </c>
      <c r="F178" s="9">
        <v>45956</v>
      </c>
      <c r="G178" s="39" t="s">
        <v>756</v>
      </c>
      <c r="H178" s="39" t="s">
        <v>759</v>
      </c>
      <c r="I178" s="39" t="s">
        <v>760</v>
      </c>
      <c r="J178" s="39" t="s">
        <v>761</v>
      </c>
      <c r="K178" s="39" t="s">
        <v>61</v>
      </c>
      <c r="L178" s="10" t="s">
        <v>85</v>
      </c>
      <c r="M178" s="39" t="s">
        <v>756</v>
      </c>
      <c r="N178" s="5"/>
    </row>
    <row r="179" spans="1:14" ht="101.4" customHeight="1" x14ac:dyDescent="0.2">
      <c r="A179" s="6" t="s">
        <v>657</v>
      </c>
      <c r="B179" s="8" t="s">
        <v>740</v>
      </c>
      <c r="C179" s="6" t="s">
        <v>99</v>
      </c>
      <c r="D179" s="8" t="s">
        <v>741</v>
      </c>
      <c r="E179" s="9">
        <v>45962</v>
      </c>
      <c r="F179" s="9">
        <v>45962</v>
      </c>
      <c r="G179" s="39" t="s">
        <v>742</v>
      </c>
      <c r="H179" s="220" t="s">
        <v>2240</v>
      </c>
      <c r="I179" s="39" t="s">
        <v>743</v>
      </c>
      <c r="J179" s="39" t="s">
        <v>744</v>
      </c>
      <c r="K179" s="39" t="s">
        <v>61</v>
      </c>
      <c r="L179" s="10" t="s">
        <v>85</v>
      </c>
      <c r="M179" s="39" t="s">
        <v>745</v>
      </c>
      <c r="N179" s="170" t="s">
        <v>2241</v>
      </c>
    </row>
    <row r="180" spans="1:14" ht="54.6" customHeight="1" x14ac:dyDescent="0.2">
      <c r="A180" s="6" t="s">
        <v>657</v>
      </c>
      <c r="B180" s="8" t="s">
        <v>762</v>
      </c>
      <c r="C180" s="6" t="s">
        <v>99</v>
      </c>
      <c r="D180" s="8" t="s">
        <v>763</v>
      </c>
      <c r="E180" s="9">
        <v>45962</v>
      </c>
      <c r="F180" s="9">
        <v>45962</v>
      </c>
      <c r="G180" s="39" t="s">
        <v>756</v>
      </c>
      <c r="H180" s="39" t="s">
        <v>759</v>
      </c>
      <c r="I180" s="39" t="s">
        <v>764</v>
      </c>
      <c r="J180" s="39" t="s">
        <v>765</v>
      </c>
      <c r="K180" s="39" t="s">
        <v>70</v>
      </c>
      <c r="L180" s="10" t="s">
        <v>62</v>
      </c>
      <c r="M180" s="39" t="s">
        <v>756</v>
      </c>
      <c r="N180" s="5"/>
    </row>
    <row r="181" spans="1:14" ht="82.2" customHeight="1" x14ac:dyDescent="0.2">
      <c r="A181" s="6" t="s">
        <v>657</v>
      </c>
      <c r="B181" s="8" t="s">
        <v>721</v>
      </c>
      <c r="C181" s="6" t="s">
        <v>55</v>
      </c>
      <c r="D181" s="8" t="s">
        <v>722</v>
      </c>
      <c r="E181" s="9">
        <v>45963</v>
      </c>
      <c r="F181" s="9">
        <v>45964</v>
      </c>
      <c r="G181" s="39" t="s">
        <v>706</v>
      </c>
      <c r="H181" s="39" t="s">
        <v>707</v>
      </c>
      <c r="I181" s="39" t="s">
        <v>723</v>
      </c>
      <c r="J181" s="39" t="s">
        <v>724</v>
      </c>
      <c r="K181" s="39" t="s">
        <v>61</v>
      </c>
      <c r="L181" s="10" t="s">
        <v>62</v>
      </c>
      <c r="M181" s="39" t="s">
        <v>710</v>
      </c>
      <c r="N181" s="5"/>
    </row>
    <row r="182" spans="1:14" ht="82.2" customHeight="1" x14ac:dyDescent="0.2">
      <c r="A182" s="6" t="s">
        <v>657</v>
      </c>
      <c r="B182" s="8" t="s">
        <v>675</v>
      </c>
      <c r="C182" s="6" t="s">
        <v>55</v>
      </c>
      <c r="D182" s="8" t="s">
        <v>676</v>
      </c>
      <c r="E182" s="9">
        <v>45965</v>
      </c>
      <c r="F182" s="9">
        <v>45991</v>
      </c>
      <c r="G182" s="32" t="s">
        <v>667</v>
      </c>
      <c r="H182" s="39" t="s">
        <v>661</v>
      </c>
      <c r="I182" s="39" t="s">
        <v>662</v>
      </c>
      <c r="J182" s="39" t="s">
        <v>663</v>
      </c>
      <c r="K182" s="39" t="s">
        <v>70</v>
      </c>
      <c r="L182" s="10" t="s">
        <v>62</v>
      </c>
      <c r="M182" s="32" t="s">
        <v>664</v>
      </c>
      <c r="N182" s="30"/>
    </row>
    <row r="183" spans="1:14" ht="82.2" customHeight="1" x14ac:dyDescent="0.2">
      <c r="A183" s="6" t="s">
        <v>657</v>
      </c>
      <c r="B183" s="8" t="s">
        <v>677</v>
      </c>
      <c r="C183" s="6" t="s">
        <v>55</v>
      </c>
      <c r="D183" s="8" t="s">
        <v>678</v>
      </c>
      <c r="E183" s="9">
        <v>45969</v>
      </c>
      <c r="F183" s="9">
        <v>45969</v>
      </c>
      <c r="G183" s="32" t="s">
        <v>679</v>
      </c>
      <c r="H183" s="39" t="s">
        <v>661</v>
      </c>
      <c r="I183" s="39" t="s">
        <v>662</v>
      </c>
      <c r="J183" s="39" t="s">
        <v>663</v>
      </c>
      <c r="K183" s="39" t="s">
        <v>61</v>
      </c>
      <c r="L183" s="10" t="s">
        <v>62</v>
      </c>
      <c r="M183" s="32" t="s">
        <v>664</v>
      </c>
      <c r="N183" s="30"/>
    </row>
    <row r="184" spans="1:14" ht="79.2" x14ac:dyDescent="0.2">
      <c r="A184" s="6" t="s">
        <v>657</v>
      </c>
      <c r="B184" s="8" t="s">
        <v>735</v>
      </c>
      <c r="C184" s="6" t="s">
        <v>55</v>
      </c>
      <c r="D184" s="8" t="s">
        <v>736</v>
      </c>
      <c r="E184" s="9">
        <v>45976</v>
      </c>
      <c r="F184" s="9">
        <v>45983</v>
      </c>
      <c r="G184" s="39" t="s">
        <v>734</v>
      </c>
      <c r="H184" s="39" t="s">
        <v>737</v>
      </c>
      <c r="I184" s="39" t="s">
        <v>738</v>
      </c>
      <c r="J184" s="39" t="s">
        <v>739</v>
      </c>
      <c r="K184" s="39" t="s">
        <v>61</v>
      </c>
      <c r="L184" s="10" t="s">
        <v>85</v>
      </c>
      <c r="M184" s="39" t="s">
        <v>734</v>
      </c>
      <c r="N184" s="5"/>
    </row>
    <row r="185" spans="1:14" ht="52.8" x14ac:dyDescent="0.2">
      <c r="A185" s="6" t="s">
        <v>657</v>
      </c>
      <c r="B185" s="8" t="s">
        <v>766</v>
      </c>
      <c r="C185" s="6" t="s">
        <v>600</v>
      </c>
      <c r="D185" s="8" t="s">
        <v>767</v>
      </c>
      <c r="E185" s="9">
        <v>45977</v>
      </c>
      <c r="F185" s="9">
        <v>45977</v>
      </c>
      <c r="G185" s="39" t="s">
        <v>768</v>
      </c>
      <c r="H185" s="39" t="s">
        <v>769</v>
      </c>
      <c r="I185" s="39" t="s">
        <v>770</v>
      </c>
      <c r="J185" s="39" t="s">
        <v>771</v>
      </c>
      <c r="K185" s="39" t="s">
        <v>61</v>
      </c>
      <c r="L185" s="10" t="s">
        <v>62</v>
      </c>
      <c r="M185" s="39" t="s">
        <v>756</v>
      </c>
      <c r="N185" s="5"/>
    </row>
    <row r="186" spans="1:14" ht="54" customHeight="1" x14ac:dyDescent="0.2">
      <c r="A186" s="6" t="s">
        <v>208</v>
      </c>
      <c r="B186" s="8" t="s">
        <v>819</v>
      </c>
      <c r="C186" s="6" t="s">
        <v>55</v>
      </c>
      <c r="D186" s="8" t="s">
        <v>820</v>
      </c>
      <c r="E186" s="9">
        <v>45912</v>
      </c>
      <c r="F186" s="9">
        <v>45961</v>
      </c>
      <c r="G186" s="39" t="s">
        <v>821</v>
      </c>
      <c r="H186" s="39" t="s">
        <v>822</v>
      </c>
      <c r="I186" s="39" t="s">
        <v>823</v>
      </c>
      <c r="J186" s="39" t="s">
        <v>824</v>
      </c>
      <c r="K186" s="39" t="s">
        <v>70</v>
      </c>
      <c r="L186" s="10" t="s">
        <v>62</v>
      </c>
      <c r="M186" s="39" t="s">
        <v>821</v>
      </c>
      <c r="N186" s="5"/>
    </row>
    <row r="187" spans="1:14" ht="97.2" x14ac:dyDescent="0.2">
      <c r="A187" s="11" t="s">
        <v>208</v>
      </c>
      <c r="B187" s="11" t="s">
        <v>209</v>
      </c>
      <c r="C187" s="20" t="s">
        <v>99</v>
      </c>
      <c r="D187" s="18" t="s">
        <v>210</v>
      </c>
      <c r="E187" s="69">
        <v>45917</v>
      </c>
      <c r="F187" s="69">
        <v>45933</v>
      </c>
      <c r="G187" s="50" t="s">
        <v>211</v>
      </c>
      <c r="H187" s="50" t="s">
        <v>212</v>
      </c>
      <c r="I187" s="50" t="s">
        <v>213</v>
      </c>
      <c r="J187" s="50" t="s">
        <v>115</v>
      </c>
      <c r="K187" s="50" t="s">
        <v>214</v>
      </c>
      <c r="L187" s="70" t="s">
        <v>174</v>
      </c>
      <c r="M187" s="50" t="s">
        <v>211</v>
      </c>
      <c r="N187" s="2" t="s">
        <v>215</v>
      </c>
    </row>
    <row r="188" spans="1:14" ht="81" customHeight="1" x14ac:dyDescent="0.2">
      <c r="A188" s="18" t="s">
        <v>208</v>
      </c>
      <c r="B188" s="18" t="s">
        <v>1720</v>
      </c>
      <c r="C188" s="20" t="s">
        <v>55</v>
      </c>
      <c r="D188" s="18" t="s">
        <v>1735</v>
      </c>
      <c r="E188" s="36">
        <v>45927</v>
      </c>
      <c r="F188" s="36">
        <v>45927</v>
      </c>
      <c r="G188" s="49" t="s">
        <v>1736</v>
      </c>
      <c r="H188" s="13" t="s">
        <v>1737</v>
      </c>
      <c r="I188" s="49" t="s">
        <v>1738</v>
      </c>
      <c r="J188" s="49" t="s">
        <v>1739</v>
      </c>
      <c r="K188" s="49" t="s">
        <v>61</v>
      </c>
      <c r="L188" s="21" t="s">
        <v>62</v>
      </c>
      <c r="M188" s="49" t="s">
        <v>1740</v>
      </c>
      <c r="N188" s="2" t="s">
        <v>1741</v>
      </c>
    </row>
    <row r="189" spans="1:14" ht="81" customHeight="1" x14ac:dyDescent="0.2">
      <c r="A189" s="6" t="s">
        <v>208</v>
      </c>
      <c r="B189" s="8" t="s">
        <v>806</v>
      </c>
      <c r="C189" s="6" t="s">
        <v>99</v>
      </c>
      <c r="D189" s="8" t="s">
        <v>807</v>
      </c>
      <c r="E189" s="9">
        <v>45928</v>
      </c>
      <c r="F189" s="9">
        <v>45928</v>
      </c>
      <c r="G189" s="39" t="s">
        <v>808</v>
      </c>
      <c r="H189" s="39" t="s">
        <v>809</v>
      </c>
      <c r="I189" s="39" t="s">
        <v>810</v>
      </c>
      <c r="J189" s="39" t="s">
        <v>811</v>
      </c>
      <c r="K189" s="39" t="s">
        <v>70</v>
      </c>
      <c r="L189" s="10" t="s">
        <v>62</v>
      </c>
      <c r="M189" s="39" t="s">
        <v>810</v>
      </c>
      <c r="N189" s="5"/>
    </row>
    <row r="190" spans="1:14" ht="81" customHeight="1" x14ac:dyDescent="0.2">
      <c r="A190" s="6" t="s">
        <v>208</v>
      </c>
      <c r="B190" s="8" t="s">
        <v>825</v>
      </c>
      <c r="C190" s="6" t="s">
        <v>55</v>
      </c>
      <c r="D190" s="8" t="s">
        <v>826</v>
      </c>
      <c r="E190" s="9">
        <v>45928</v>
      </c>
      <c r="F190" s="9">
        <v>45928</v>
      </c>
      <c r="G190" s="39" t="s">
        <v>827</v>
      </c>
      <c r="H190" s="39" t="s">
        <v>822</v>
      </c>
      <c r="I190" s="39" t="s">
        <v>828</v>
      </c>
      <c r="J190" s="39" t="s">
        <v>829</v>
      </c>
      <c r="K190" s="39" t="s">
        <v>61</v>
      </c>
      <c r="L190" s="10" t="s">
        <v>62</v>
      </c>
      <c r="M190" s="39" t="s">
        <v>821</v>
      </c>
      <c r="N190" s="5"/>
    </row>
    <row r="191" spans="1:14" ht="81" customHeight="1" x14ac:dyDescent="0.2">
      <c r="A191" s="6" t="s">
        <v>208</v>
      </c>
      <c r="B191" s="8" t="s">
        <v>839</v>
      </c>
      <c r="C191" s="6" t="s">
        <v>600</v>
      </c>
      <c r="D191" s="8" t="s">
        <v>840</v>
      </c>
      <c r="E191" s="9">
        <v>45928</v>
      </c>
      <c r="F191" s="9">
        <v>45928</v>
      </c>
      <c r="G191" s="39" t="s">
        <v>841</v>
      </c>
      <c r="H191" s="39" t="s">
        <v>842</v>
      </c>
      <c r="I191" s="39" t="s">
        <v>843</v>
      </c>
      <c r="J191" s="39" t="s">
        <v>844</v>
      </c>
      <c r="K191" s="39" t="s">
        <v>61</v>
      </c>
      <c r="L191" s="10" t="s">
        <v>85</v>
      </c>
      <c r="M191" s="39" t="s">
        <v>845</v>
      </c>
      <c r="N191" s="5"/>
    </row>
    <row r="192" spans="1:14" ht="81" customHeight="1" x14ac:dyDescent="0.2">
      <c r="A192" s="6" t="s">
        <v>38</v>
      </c>
      <c r="B192" s="6" t="s">
        <v>789</v>
      </c>
      <c r="C192" s="6" t="s">
        <v>55</v>
      </c>
      <c r="D192" s="6" t="s">
        <v>2162</v>
      </c>
      <c r="E192" s="9">
        <v>45933</v>
      </c>
      <c r="F192" s="9">
        <v>45933</v>
      </c>
      <c r="G192" s="39" t="s">
        <v>786</v>
      </c>
      <c r="H192" s="39" t="s">
        <v>787</v>
      </c>
      <c r="I192" s="39" t="s">
        <v>786</v>
      </c>
      <c r="J192" s="39" t="s">
        <v>790</v>
      </c>
      <c r="K192" s="39" t="s">
        <v>61</v>
      </c>
      <c r="L192" s="10" t="s">
        <v>85</v>
      </c>
      <c r="M192" s="39" t="s">
        <v>786</v>
      </c>
      <c r="N192" s="2" t="s">
        <v>788</v>
      </c>
    </row>
    <row r="193" spans="1:14" ht="115.95" customHeight="1" x14ac:dyDescent="0.2">
      <c r="A193" s="6" t="s">
        <v>208</v>
      </c>
      <c r="B193" s="8" t="s">
        <v>797</v>
      </c>
      <c r="C193" s="6" t="s">
        <v>55</v>
      </c>
      <c r="D193" s="8" t="s">
        <v>798</v>
      </c>
      <c r="E193" s="9">
        <v>45934</v>
      </c>
      <c r="F193" s="9">
        <v>45934</v>
      </c>
      <c r="G193" s="39" t="s">
        <v>799</v>
      </c>
      <c r="H193" s="39" t="s">
        <v>791</v>
      </c>
      <c r="I193" s="39" t="s">
        <v>800</v>
      </c>
      <c r="J193" s="39" t="s">
        <v>801</v>
      </c>
      <c r="K193" s="39" t="s">
        <v>70</v>
      </c>
      <c r="L193" s="10" t="s">
        <v>62</v>
      </c>
      <c r="M193" s="39" t="s">
        <v>794</v>
      </c>
      <c r="N193" s="5"/>
    </row>
    <row r="194" spans="1:14" ht="115.95" customHeight="1" x14ac:dyDescent="0.2">
      <c r="A194" s="6" t="s">
        <v>208</v>
      </c>
      <c r="B194" s="8" t="s">
        <v>853</v>
      </c>
      <c r="C194" s="6" t="s">
        <v>600</v>
      </c>
      <c r="D194" s="8" t="s">
        <v>854</v>
      </c>
      <c r="E194" s="9">
        <v>45935</v>
      </c>
      <c r="F194" s="9">
        <v>45935</v>
      </c>
      <c r="G194" s="39" t="s">
        <v>855</v>
      </c>
      <c r="H194" s="220" t="s">
        <v>2242</v>
      </c>
      <c r="I194" s="39" t="s">
        <v>857</v>
      </c>
      <c r="J194" s="39" t="s">
        <v>858</v>
      </c>
      <c r="K194" s="39" t="s">
        <v>61</v>
      </c>
      <c r="L194" s="10" t="s">
        <v>85</v>
      </c>
      <c r="M194" s="39" t="s">
        <v>859</v>
      </c>
      <c r="N194" s="5"/>
    </row>
    <row r="195" spans="1:14" ht="115.95" customHeight="1" x14ac:dyDescent="0.2">
      <c r="A195" s="6" t="s">
        <v>208</v>
      </c>
      <c r="B195" s="8" t="s">
        <v>870</v>
      </c>
      <c r="C195" s="6" t="s">
        <v>600</v>
      </c>
      <c r="D195" s="8" t="s">
        <v>871</v>
      </c>
      <c r="E195" s="9">
        <v>45935</v>
      </c>
      <c r="F195" s="9">
        <v>45935</v>
      </c>
      <c r="G195" s="39" t="s">
        <v>872</v>
      </c>
      <c r="H195" s="39" t="s">
        <v>856</v>
      </c>
      <c r="I195" s="39" t="s">
        <v>873</v>
      </c>
      <c r="J195" s="39" t="s">
        <v>874</v>
      </c>
      <c r="K195" s="39" t="s">
        <v>61</v>
      </c>
      <c r="L195" s="10" t="s">
        <v>85</v>
      </c>
      <c r="M195" s="39" t="s">
        <v>875</v>
      </c>
      <c r="N195" s="5"/>
    </row>
    <row r="196" spans="1:14" ht="115.95" customHeight="1" x14ac:dyDescent="0.2">
      <c r="A196" s="6" t="s">
        <v>208</v>
      </c>
      <c r="B196" s="8" t="s">
        <v>772</v>
      </c>
      <c r="C196" s="6" t="s">
        <v>42</v>
      </c>
      <c r="D196" s="6" t="s">
        <v>773</v>
      </c>
      <c r="E196" s="9">
        <v>45942</v>
      </c>
      <c r="F196" s="9">
        <v>45942</v>
      </c>
      <c r="G196" s="32" t="s">
        <v>774</v>
      </c>
      <c r="H196" s="39" t="s">
        <v>775</v>
      </c>
      <c r="I196" s="39" t="s">
        <v>662</v>
      </c>
      <c r="J196" s="39" t="s">
        <v>663</v>
      </c>
      <c r="K196" s="39" t="s">
        <v>61</v>
      </c>
      <c r="L196" s="10" t="s">
        <v>85</v>
      </c>
      <c r="M196" s="39" t="s">
        <v>776</v>
      </c>
      <c r="N196" s="30"/>
    </row>
    <row r="197" spans="1:14" ht="115.95" customHeight="1" x14ac:dyDescent="0.2">
      <c r="A197" s="6" t="s">
        <v>208</v>
      </c>
      <c r="B197" s="8" t="s">
        <v>815</v>
      </c>
      <c r="C197" s="6" t="s">
        <v>55</v>
      </c>
      <c r="D197" s="8" t="s">
        <v>816</v>
      </c>
      <c r="E197" s="9">
        <v>45942</v>
      </c>
      <c r="F197" s="9">
        <v>45942</v>
      </c>
      <c r="G197" s="39" t="s">
        <v>817</v>
      </c>
      <c r="H197" s="39" t="s">
        <v>809</v>
      </c>
      <c r="I197" s="39" t="s">
        <v>810</v>
      </c>
      <c r="J197" s="39" t="s">
        <v>818</v>
      </c>
      <c r="K197" s="39" t="s">
        <v>61</v>
      </c>
      <c r="L197" s="10" t="s">
        <v>85</v>
      </c>
      <c r="M197" s="39" t="s">
        <v>810</v>
      </c>
      <c r="N197" s="5"/>
    </row>
    <row r="198" spans="1:14" ht="115.95" customHeight="1" x14ac:dyDescent="0.2">
      <c r="A198" s="6" t="s">
        <v>208</v>
      </c>
      <c r="B198" s="8" t="s">
        <v>830</v>
      </c>
      <c r="C198" s="6" t="s">
        <v>600</v>
      </c>
      <c r="D198" s="8" t="s">
        <v>831</v>
      </c>
      <c r="E198" s="9">
        <v>45942</v>
      </c>
      <c r="F198" s="9">
        <v>45942</v>
      </c>
      <c r="G198" s="39" t="s">
        <v>832</v>
      </c>
      <c r="H198" s="39" t="s">
        <v>822</v>
      </c>
      <c r="I198" s="39" t="s">
        <v>833</v>
      </c>
      <c r="J198" s="39" t="s">
        <v>829</v>
      </c>
      <c r="K198" s="39" t="s">
        <v>61</v>
      </c>
      <c r="L198" s="10" t="s">
        <v>62</v>
      </c>
      <c r="M198" s="39" t="s">
        <v>821</v>
      </c>
      <c r="N198" s="5"/>
    </row>
    <row r="199" spans="1:14" ht="115.95" customHeight="1" x14ac:dyDescent="0.2">
      <c r="A199" s="6" t="s">
        <v>208</v>
      </c>
      <c r="B199" s="8" t="s">
        <v>802</v>
      </c>
      <c r="C199" s="6" t="s">
        <v>99</v>
      </c>
      <c r="D199" s="8" t="s">
        <v>803</v>
      </c>
      <c r="E199" s="9">
        <v>45949</v>
      </c>
      <c r="F199" s="9">
        <v>45949</v>
      </c>
      <c r="G199" s="39" t="s">
        <v>804</v>
      </c>
      <c r="H199" s="39" t="s">
        <v>791</v>
      </c>
      <c r="I199" s="39" t="s">
        <v>805</v>
      </c>
      <c r="J199" s="39" t="s">
        <v>60</v>
      </c>
      <c r="K199" s="39" t="s">
        <v>70</v>
      </c>
      <c r="L199" s="10" t="s">
        <v>62</v>
      </c>
      <c r="M199" s="39" t="s">
        <v>794</v>
      </c>
      <c r="N199" s="5"/>
    </row>
    <row r="200" spans="1:14" ht="115.95" customHeight="1" x14ac:dyDescent="0.2">
      <c r="A200" s="6" t="s">
        <v>208</v>
      </c>
      <c r="B200" s="8" t="s">
        <v>846</v>
      </c>
      <c r="C200" s="6" t="s">
        <v>600</v>
      </c>
      <c r="D200" s="8" t="s">
        <v>847</v>
      </c>
      <c r="E200" s="9">
        <v>45949</v>
      </c>
      <c r="F200" s="9">
        <v>45949</v>
      </c>
      <c r="G200" s="39" t="s">
        <v>845</v>
      </c>
      <c r="H200" s="39" t="s">
        <v>842</v>
      </c>
      <c r="I200" s="39" t="s">
        <v>848</v>
      </c>
      <c r="J200" s="39" t="s">
        <v>849</v>
      </c>
      <c r="K200" s="39" t="s">
        <v>61</v>
      </c>
      <c r="L200" s="10" t="s">
        <v>62</v>
      </c>
      <c r="M200" s="39" t="s">
        <v>845</v>
      </c>
      <c r="N200" s="5"/>
    </row>
    <row r="201" spans="1:14" ht="115.95" customHeight="1" x14ac:dyDescent="0.2">
      <c r="A201" s="6" t="s">
        <v>208</v>
      </c>
      <c r="B201" s="8" t="s">
        <v>779</v>
      </c>
      <c r="C201" s="6" t="s">
        <v>55</v>
      </c>
      <c r="D201" s="8" t="s">
        <v>780</v>
      </c>
      <c r="E201" s="9">
        <v>45953</v>
      </c>
      <c r="F201" s="9">
        <v>45953</v>
      </c>
      <c r="G201" s="32" t="s">
        <v>781</v>
      </c>
      <c r="H201" s="39" t="s">
        <v>782</v>
      </c>
      <c r="I201" s="39" t="s">
        <v>662</v>
      </c>
      <c r="J201" s="39" t="s">
        <v>663</v>
      </c>
      <c r="K201" s="39" t="s">
        <v>61</v>
      </c>
      <c r="L201" s="10" t="s">
        <v>62</v>
      </c>
      <c r="M201" s="39" t="s">
        <v>783</v>
      </c>
      <c r="N201" s="30"/>
    </row>
    <row r="202" spans="1:14" ht="66" x14ac:dyDescent="0.2">
      <c r="A202" s="6" t="s">
        <v>208</v>
      </c>
      <c r="B202" s="8" t="s">
        <v>860</v>
      </c>
      <c r="C202" s="6" t="s">
        <v>600</v>
      </c>
      <c r="D202" s="8" t="s">
        <v>861</v>
      </c>
      <c r="E202" s="9">
        <v>45956</v>
      </c>
      <c r="F202" s="9">
        <v>45956</v>
      </c>
      <c r="G202" s="39" t="s">
        <v>862</v>
      </c>
      <c r="H202" s="220" t="s">
        <v>2242</v>
      </c>
      <c r="I202" s="39" t="s">
        <v>859</v>
      </c>
      <c r="J202" s="39" t="s">
        <v>858</v>
      </c>
      <c r="K202" s="39" t="s">
        <v>61</v>
      </c>
      <c r="L202" s="10" t="s">
        <v>85</v>
      </c>
      <c r="M202" s="39" t="s">
        <v>859</v>
      </c>
      <c r="N202" s="5"/>
    </row>
    <row r="203" spans="1:14" ht="105.6" x14ac:dyDescent="0.2">
      <c r="A203" s="14" t="s">
        <v>208</v>
      </c>
      <c r="B203" s="31" t="s">
        <v>1758</v>
      </c>
      <c r="C203" s="15" t="s">
        <v>600</v>
      </c>
      <c r="D203" s="18" t="s">
        <v>1759</v>
      </c>
      <c r="E203" s="33">
        <v>45956</v>
      </c>
      <c r="F203" s="33">
        <v>45956</v>
      </c>
      <c r="G203" s="13" t="s">
        <v>1752</v>
      </c>
      <c r="H203" s="13" t="s">
        <v>1737</v>
      </c>
      <c r="I203" s="49" t="s">
        <v>1738</v>
      </c>
      <c r="J203" s="13" t="s">
        <v>1747</v>
      </c>
      <c r="K203" s="13" t="s">
        <v>70</v>
      </c>
      <c r="L203" s="17" t="s">
        <v>62</v>
      </c>
      <c r="M203" s="13" t="s">
        <v>1740</v>
      </c>
      <c r="N203" s="2" t="s">
        <v>1748</v>
      </c>
    </row>
    <row r="204" spans="1:14" ht="67.2" customHeight="1" x14ac:dyDescent="0.2">
      <c r="A204" s="6" t="s">
        <v>208</v>
      </c>
      <c r="B204" s="6" t="s">
        <v>784</v>
      </c>
      <c r="C204" s="6" t="s">
        <v>55</v>
      </c>
      <c r="D204" s="6" t="s">
        <v>785</v>
      </c>
      <c r="E204" s="9">
        <v>45957</v>
      </c>
      <c r="F204" s="9">
        <v>45970</v>
      </c>
      <c r="G204" s="39" t="s">
        <v>786</v>
      </c>
      <c r="H204" s="39" t="s">
        <v>787</v>
      </c>
      <c r="I204" s="39" t="s">
        <v>786</v>
      </c>
      <c r="J204" s="39" t="s">
        <v>554</v>
      </c>
      <c r="K204" s="39" t="s">
        <v>61</v>
      </c>
      <c r="L204" s="10" t="s">
        <v>85</v>
      </c>
      <c r="M204" s="39" t="s">
        <v>786</v>
      </c>
      <c r="N204" s="2" t="s">
        <v>788</v>
      </c>
    </row>
    <row r="205" spans="1:14" ht="115.95" customHeight="1" x14ac:dyDescent="0.2">
      <c r="A205" s="6" t="s">
        <v>208</v>
      </c>
      <c r="B205" s="8" t="s">
        <v>795</v>
      </c>
      <c r="C205" s="6" t="s">
        <v>600</v>
      </c>
      <c r="D205" s="8" t="s">
        <v>796</v>
      </c>
      <c r="E205" s="9">
        <v>45962</v>
      </c>
      <c r="F205" s="9">
        <v>45962</v>
      </c>
      <c r="G205" s="220" t="s">
        <v>2237</v>
      </c>
      <c r="H205" s="220" t="s">
        <v>791</v>
      </c>
      <c r="I205" s="39" t="s">
        <v>792</v>
      </c>
      <c r="J205" s="39" t="s">
        <v>793</v>
      </c>
      <c r="K205" s="39" t="s">
        <v>577</v>
      </c>
      <c r="L205" s="10" t="s">
        <v>62</v>
      </c>
      <c r="M205" s="39" t="s">
        <v>794</v>
      </c>
      <c r="N205" s="5"/>
    </row>
    <row r="206" spans="1:14" ht="105" customHeight="1" x14ac:dyDescent="0.2">
      <c r="A206" s="6" t="s">
        <v>208</v>
      </c>
      <c r="B206" s="8" t="s">
        <v>850</v>
      </c>
      <c r="C206" s="6" t="s">
        <v>99</v>
      </c>
      <c r="D206" s="8" t="s">
        <v>851</v>
      </c>
      <c r="E206" s="9">
        <v>45962</v>
      </c>
      <c r="F206" s="9">
        <v>45963</v>
      </c>
      <c r="G206" s="39" t="s">
        <v>845</v>
      </c>
      <c r="H206" s="39" t="s">
        <v>842</v>
      </c>
      <c r="I206" s="39" t="s">
        <v>852</v>
      </c>
      <c r="J206" s="39" t="s">
        <v>60</v>
      </c>
      <c r="K206" s="39" t="s">
        <v>61</v>
      </c>
      <c r="L206" s="10" t="s">
        <v>85</v>
      </c>
      <c r="M206" s="39" t="s">
        <v>845</v>
      </c>
      <c r="N206" s="5"/>
    </row>
    <row r="207" spans="1:14" ht="47.4" customHeight="1" x14ac:dyDescent="0.2">
      <c r="A207" s="6" t="s">
        <v>208</v>
      </c>
      <c r="B207" s="8" t="s">
        <v>834</v>
      </c>
      <c r="C207" s="6" t="s">
        <v>55</v>
      </c>
      <c r="D207" s="8" t="s">
        <v>835</v>
      </c>
      <c r="E207" s="9">
        <v>45963</v>
      </c>
      <c r="F207" s="9">
        <v>45963</v>
      </c>
      <c r="G207" s="39" t="s">
        <v>827</v>
      </c>
      <c r="H207" s="39" t="s">
        <v>822</v>
      </c>
      <c r="I207" s="39" t="s">
        <v>828</v>
      </c>
      <c r="J207" s="39" t="s">
        <v>829</v>
      </c>
      <c r="K207" s="39" t="s">
        <v>70</v>
      </c>
      <c r="L207" s="10" t="s">
        <v>62</v>
      </c>
      <c r="M207" s="39" t="s">
        <v>821</v>
      </c>
      <c r="N207" s="5"/>
    </row>
    <row r="208" spans="1:14" ht="54" customHeight="1" x14ac:dyDescent="0.2">
      <c r="A208" s="6" t="s">
        <v>208</v>
      </c>
      <c r="B208" s="6" t="s">
        <v>777</v>
      </c>
      <c r="C208" s="6" t="s">
        <v>55</v>
      </c>
      <c r="D208" s="6" t="s">
        <v>778</v>
      </c>
      <c r="E208" s="9">
        <v>45964</v>
      </c>
      <c r="F208" s="9">
        <v>45964</v>
      </c>
      <c r="G208" s="32" t="s">
        <v>774</v>
      </c>
      <c r="H208" s="39" t="s">
        <v>775</v>
      </c>
      <c r="I208" s="39" t="s">
        <v>662</v>
      </c>
      <c r="J208" s="39" t="s">
        <v>663</v>
      </c>
      <c r="K208" s="39" t="s">
        <v>61</v>
      </c>
      <c r="L208" s="10" t="s">
        <v>85</v>
      </c>
      <c r="M208" s="39" t="s">
        <v>776</v>
      </c>
      <c r="N208" s="30"/>
    </row>
    <row r="209" spans="1:14" ht="96" customHeight="1" x14ac:dyDescent="0.2">
      <c r="A209" s="11" t="s">
        <v>38</v>
      </c>
      <c r="B209" s="11" t="s">
        <v>216</v>
      </c>
      <c r="C209" s="20" t="s">
        <v>99</v>
      </c>
      <c r="D209" s="18" t="s">
        <v>217</v>
      </c>
      <c r="E209" s="69">
        <v>45967</v>
      </c>
      <c r="F209" s="69">
        <v>45976</v>
      </c>
      <c r="G209" s="50" t="s">
        <v>211</v>
      </c>
      <c r="H209" s="50" t="s">
        <v>212</v>
      </c>
      <c r="I209" s="50" t="s">
        <v>218</v>
      </c>
      <c r="J209" s="50" t="s">
        <v>115</v>
      </c>
      <c r="K209" s="50" t="s">
        <v>214</v>
      </c>
      <c r="L209" s="70" t="s">
        <v>174</v>
      </c>
      <c r="M209" s="50" t="s">
        <v>211</v>
      </c>
      <c r="N209" s="2" t="s">
        <v>219</v>
      </c>
    </row>
    <row r="210" spans="1:14" ht="96" customHeight="1" x14ac:dyDescent="0.2">
      <c r="A210" s="6" t="s">
        <v>208</v>
      </c>
      <c r="B210" s="8" t="s">
        <v>772</v>
      </c>
      <c r="C210" s="6" t="s">
        <v>42</v>
      </c>
      <c r="D210" s="6" t="s">
        <v>773</v>
      </c>
      <c r="E210" s="9">
        <v>45970</v>
      </c>
      <c r="F210" s="9">
        <v>45970</v>
      </c>
      <c r="G210" s="32" t="s">
        <v>774</v>
      </c>
      <c r="H210" s="39" t="s">
        <v>775</v>
      </c>
      <c r="I210" s="39" t="s">
        <v>662</v>
      </c>
      <c r="J210" s="39" t="s">
        <v>663</v>
      </c>
      <c r="K210" s="39" t="s">
        <v>61</v>
      </c>
      <c r="L210" s="10" t="s">
        <v>85</v>
      </c>
      <c r="M210" s="39" t="s">
        <v>776</v>
      </c>
      <c r="N210" s="30"/>
    </row>
    <row r="211" spans="1:14" ht="96" customHeight="1" x14ac:dyDescent="0.2">
      <c r="A211" s="6" t="s">
        <v>208</v>
      </c>
      <c r="B211" s="8" t="s">
        <v>836</v>
      </c>
      <c r="C211" s="6" t="s">
        <v>55</v>
      </c>
      <c r="D211" s="8" t="s">
        <v>837</v>
      </c>
      <c r="E211" s="9">
        <v>45970</v>
      </c>
      <c r="F211" s="9">
        <v>45970</v>
      </c>
      <c r="G211" s="39" t="s">
        <v>827</v>
      </c>
      <c r="H211" s="39" t="s">
        <v>822</v>
      </c>
      <c r="I211" s="39" t="s">
        <v>838</v>
      </c>
      <c r="J211" s="39" t="s">
        <v>829</v>
      </c>
      <c r="K211" s="39" t="s">
        <v>61</v>
      </c>
      <c r="L211" s="10" t="s">
        <v>85</v>
      </c>
      <c r="M211" s="39" t="s">
        <v>821</v>
      </c>
      <c r="N211" s="5"/>
    </row>
    <row r="212" spans="1:14" ht="96" customHeight="1" x14ac:dyDescent="0.2">
      <c r="A212" s="6" t="s">
        <v>208</v>
      </c>
      <c r="B212" s="8" t="s">
        <v>863</v>
      </c>
      <c r="C212" s="6" t="s">
        <v>600</v>
      </c>
      <c r="D212" s="8" t="s">
        <v>864</v>
      </c>
      <c r="E212" s="9">
        <v>45970</v>
      </c>
      <c r="F212" s="9">
        <v>45970</v>
      </c>
      <c r="G212" s="219" t="s">
        <v>865</v>
      </c>
      <c r="H212" s="220" t="s">
        <v>2242</v>
      </c>
      <c r="I212" s="39" t="s">
        <v>859</v>
      </c>
      <c r="J212" s="39" t="s">
        <v>858</v>
      </c>
      <c r="K212" s="39" t="s">
        <v>61</v>
      </c>
      <c r="L212" s="10" t="s">
        <v>62</v>
      </c>
      <c r="M212" s="39" t="s">
        <v>859</v>
      </c>
      <c r="N212" s="5"/>
    </row>
    <row r="213" spans="1:14" ht="96" customHeight="1" x14ac:dyDescent="0.2">
      <c r="A213" s="6" t="s">
        <v>208</v>
      </c>
      <c r="B213" s="8" t="s">
        <v>812</v>
      </c>
      <c r="C213" s="6" t="s">
        <v>99</v>
      </c>
      <c r="D213" s="8" t="s">
        <v>813</v>
      </c>
      <c r="E213" s="9">
        <v>45977</v>
      </c>
      <c r="F213" s="9">
        <v>45977</v>
      </c>
      <c r="G213" s="39" t="s">
        <v>808</v>
      </c>
      <c r="H213" s="39" t="s">
        <v>809</v>
      </c>
      <c r="I213" s="39" t="s">
        <v>810</v>
      </c>
      <c r="J213" s="39" t="s">
        <v>814</v>
      </c>
      <c r="K213" s="39" t="s">
        <v>70</v>
      </c>
      <c r="L213" s="10" t="s">
        <v>62</v>
      </c>
      <c r="M213" s="39" t="s">
        <v>810</v>
      </c>
      <c r="N213" s="5"/>
    </row>
    <row r="214" spans="1:14" ht="78" customHeight="1" x14ac:dyDescent="0.2">
      <c r="A214" s="6" t="s">
        <v>208</v>
      </c>
      <c r="B214" s="8" t="s">
        <v>866</v>
      </c>
      <c r="C214" s="6" t="s">
        <v>99</v>
      </c>
      <c r="D214" s="8" t="s">
        <v>867</v>
      </c>
      <c r="E214" s="9">
        <v>45977</v>
      </c>
      <c r="F214" s="9">
        <v>45977</v>
      </c>
      <c r="G214" s="39" t="s">
        <v>868</v>
      </c>
      <c r="H214" s="220" t="s">
        <v>2242</v>
      </c>
      <c r="I214" s="39" t="s">
        <v>869</v>
      </c>
      <c r="J214" s="39" t="s">
        <v>858</v>
      </c>
      <c r="K214" s="39" t="s">
        <v>70</v>
      </c>
      <c r="L214" s="10" t="s">
        <v>62</v>
      </c>
      <c r="M214" s="39" t="s">
        <v>859</v>
      </c>
      <c r="N214" s="5"/>
    </row>
    <row r="215" spans="1:14" ht="105.6" x14ac:dyDescent="0.2">
      <c r="A215" s="18" t="s">
        <v>208</v>
      </c>
      <c r="B215" s="18" t="s">
        <v>1745</v>
      </c>
      <c r="C215" s="20" t="s">
        <v>55</v>
      </c>
      <c r="D215" s="18" t="s">
        <v>1746</v>
      </c>
      <c r="E215" s="36">
        <v>45977</v>
      </c>
      <c r="F215" s="36">
        <v>45977</v>
      </c>
      <c r="G215" s="49" t="s">
        <v>1736</v>
      </c>
      <c r="H215" s="13" t="s">
        <v>1737</v>
      </c>
      <c r="I215" s="49" t="s">
        <v>1738</v>
      </c>
      <c r="J215" s="49" t="s">
        <v>1747</v>
      </c>
      <c r="K215" s="49" t="s">
        <v>61</v>
      </c>
      <c r="L215" s="21" t="s">
        <v>62</v>
      </c>
      <c r="M215" s="49" t="s">
        <v>1740</v>
      </c>
      <c r="N215" s="2" t="s">
        <v>1748</v>
      </c>
    </row>
    <row r="216" spans="1:14" ht="105.6" x14ac:dyDescent="0.2">
      <c r="A216" s="18" t="s">
        <v>208</v>
      </c>
      <c r="B216" s="18" t="s">
        <v>1742</v>
      </c>
      <c r="C216" s="20" t="s">
        <v>600</v>
      </c>
      <c r="D216" s="18" t="s">
        <v>1743</v>
      </c>
      <c r="E216" s="45" t="s">
        <v>1744</v>
      </c>
      <c r="F216" s="45" t="s">
        <v>1744</v>
      </c>
      <c r="G216" s="49" t="s">
        <v>1736</v>
      </c>
      <c r="H216" s="13" t="s">
        <v>1737</v>
      </c>
      <c r="I216" s="49" t="s">
        <v>1738</v>
      </c>
      <c r="J216" s="49" t="s">
        <v>1222</v>
      </c>
      <c r="K216" s="49" t="s">
        <v>61</v>
      </c>
      <c r="L216" s="21" t="s">
        <v>85</v>
      </c>
      <c r="M216" s="49" t="s">
        <v>1740</v>
      </c>
      <c r="N216" s="2" t="s">
        <v>1741</v>
      </c>
    </row>
    <row r="217" spans="1:14" ht="105.6" x14ac:dyDescent="0.2">
      <c r="A217" s="14" t="s">
        <v>208</v>
      </c>
      <c r="B217" s="31" t="s">
        <v>1754</v>
      </c>
      <c r="C217" s="15" t="s">
        <v>600</v>
      </c>
      <c r="D217" s="31" t="s">
        <v>1755</v>
      </c>
      <c r="E217" s="38" t="s">
        <v>1756</v>
      </c>
      <c r="F217" s="38" t="s">
        <v>1756</v>
      </c>
      <c r="G217" s="13" t="s">
        <v>1752</v>
      </c>
      <c r="H217" s="13" t="s">
        <v>1737</v>
      </c>
      <c r="I217" s="49" t="s">
        <v>1738</v>
      </c>
      <c r="J217" s="13" t="s">
        <v>1757</v>
      </c>
      <c r="K217" s="13" t="s">
        <v>61</v>
      </c>
      <c r="L217" s="17" t="s">
        <v>85</v>
      </c>
      <c r="M217" s="13" t="s">
        <v>1740</v>
      </c>
      <c r="N217" s="2" t="s">
        <v>1748</v>
      </c>
    </row>
    <row r="218" spans="1:14" ht="105.6" x14ac:dyDescent="0.2">
      <c r="A218" s="14" t="s">
        <v>208</v>
      </c>
      <c r="B218" s="31" t="s">
        <v>1749</v>
      </c>
      <c r="C218" s="15" t="s">
        <v>600</v>
      </c>
      <c r="D218" s="14" t="s">
        <v>1750</v>
      </c>
      <c r="E218" s="38" t="s">
        <v>1751</v>
      </c>
      <c r="F218" s="38" t="s">
        <v>1751</v>
      </c>
      <c r="G218" s="13" t="s">
        <v>1752</v>
      </c>
      <c r="H218" s="13" t="s">
        <v>1737</v>
      </c>
      <c r="I218" s="49" t="s">
        <v>1738</v>
      </c>
      <c r="J218" s="13" t="s">
        <v>1753</v>
      </c>
      <c r="K218" s="13" t="s">
        <v>70</v>
      </c>
      <c r="L218" s="17" t="s">
        <v>62</v>
      </c>
      <c r="M218" s="13" t="s">
        <v>1740</v>
      </c>
      <c r="N218" s="2" t="s">
        <v>1748</v>
      </c>
    </row>
    <row r="219" spans="1:14" ht="113.4" x14ac:dyDescent="0.2">
      <c r="A219" s="4" t="s">
        <v>876</v>
      </c>
      <c r="B219" s="4" t="s">
        <v>895</v>
      </c>
      <c r="C219" s="6" t="s">
        <v>55</v>
      </c>
      <c r="D219" s="4" t="s">
        <v>896</v>
      </c>
      <c r="E219" s="9">
        <v>45857</v>
      </c>
      <c r="F219" s="9">
        <v>46019</v>
      </c>
      <c r="G219" s="39" t="s">
        <v>897</v>
      </c>
      <c r="H219" s="39" t="s">
        <v>898</v>
      </c>
      <c r="I219" s="39" t="s">
        <v>897</v>
      </c>
      <c r="J219" s="39" t="s">
        <v>60</v>
      </c>
      <c r="K219" s="39" t="s">
        <v>61</v>
      </c>
      <c r="L219" s="10" t="s">
        <v>85</v>
      </c>
      <c r="M219" s="39" t="s">
        <v>897</v>
      </c>
      <c r="N219" s="2" t="s">
        <v>899</v>
      </c>
    </row>
    <row r="220" spans="1:14" ht="113.4" x14ac:dyDescent="0.2">
      <c r="A220" s="4" t="s">
        <v>876</v>
      </c>
      <c r="B220" s="4" t="s">
        <v>883</v>
      </c>
      <c r="C220" s="6" t="s">
        <v>55</v>
      </c>
      <c r="D220" s="4" t="s">
        <v>884</v>
      </c>
      <c r="E220" s="9">
        <v>45924</v>
      </c>
      <c r="F220" s="9">
        <v>45931</v>
      </c>
      <c r="G220" s="39" t="s">
        <v>885</v>
      </c>
      <c r="H220" s="39" t="s">
        <v>886</v>
      </c>
      <c r="I220" s="39" t="s">
        <v>885</v>
      </c>
      <c r="J220" s="39" t="s">
        <v>60</v>
      </c>
      <c r="K220" s="39" t="s">
        <v>61</v>
      </c>
      <c r="L220" s="10" t="s">
        <v>85</v>
      </c>
      <c r="M220" s="39" t="s">
        <v>885</v>
      </c>
      <c r="N220" s="2" t="s">
        <v>887</v>
      </c>
    </row>
    <row r="221" spans="1:14" ht="124.2" customHeight="1" x14ac:dyDescent="0.2">
      <c r="A221" s="4" t="s">
        <v>876</v>
      </c>
      <c r="B221" s="4" t="s">
        <v>900</v>
      </c>
      <c r="C221" s="6" t="s">
        <v>55</v>
      </c>
      <c r="D221" s="4" t="s">
        <v>901</v>
      </c>
      <c r="E221" s="9">
        <v>45928</v>
      </c>
      <c r="F221" s="9">
        <v>45928</v>
      </c>
      <c r="G221" s="39" t="s">
        <v>902</v>
      </c>
      <c r="H221" s="39" t="s">
        <v>903</v>
      </c>
      <c r="I221" s="39" t="s">
        <v>897</v>
      </c>
      <c r="J221" s="39" t="s">
        <v>60</v>
      </c>
      <c r="K221" s="39" t="s">
        <v>61</v>
      </c>
      <c r="L221" s="10" t="s">
        <v>85</v>
      </c>
      <c r="M221" s="39" t="s">
        <v>897</v>
      </c>
      <c r="N221" s="2" t="s">
        <v>904</v>
      </c>
    </row>
    <row r="222" spans="1:14" ht="121.2" customHeight="1" x14ac:dyDescent="0.2">
      <c r="A222" s="4" t="s">
        <v>876</v>
      </c>
      <c r="B222" s="4" t="s">
        <v>923</v>
      </c>
      <c r="C222" s="6" t="s">
        <v>80</v>
      </c>
      <c r="D222" s="4" t="s">
        <v>924</v>
      </c>
      <c r="E222" s="9">
        <v>45934</v>
      </c>
      <c r="F222" s="9">
        <v>45934</v>
      </c>
      <c r="G222" s="39" t="s">
        <v>925</v>
      </c>
      <c r="H222" s="39" t="s">
        <v>926</v>
      </c>
      <c r="I222" s="39" t="s">
        <v>927</v>
      </c>
      <c r="J222" s="39" t="s">
        <v>928</v>
      </c>
      <c r="K222" s="39" t="s">
        <v>61</v>
      </c>
      <c r="L222" s="10" t="s">
        <v>85</v>
      </c>
      <c r="M222" s="39" t="s">
        <v>929</v>
      </c>
      <c r="N222" s="5"/>
    </row>
    <row r="223" spans="1:14" ht="97.2" x14ac:dyDescent="0.2">
      <c r="A223" s="14" t="s">
        <v>876</v>
      </c>
      <c r="B223" s="14" t="s">
        <v>1776</v>
      </c>
      <c r="C223" s="15" t="s">
        <v>600</v>
      </c>
      <c r="D223" s="14" t="s">
        <v>1777</v>
      </c>
      <c r="E223" s="33">
        <v>45934</v>
      </c>
      <c r="F223" s="33">
        <v>45934</v>
      </c>
      <c r="G223" s="13" t="s">
        <v>1762</v>
      </c>
      <c r="H223" s="13" t="s">
        <v>1763</v>
      </c>
      <c r="I223" s="54" t="s">
        <v>1768</v>
      </c>
      <c r="J223" s="13" t="s">
        <v>60</v>
      </c>
      <c r="K223" s="13" t="s">
        <v>61</v>
      </c>
      <c r="L223" s="17" t="s">
        <v>62</v>
      </c>
      <c r="M223" s="13" t="s">
        <v>1770</v>
      </c>
      <c r="N223" s="58" t="s">
        <v>1771</v>
      </c>
    </row>
    <row r="224" spans="1:14" ht="129.6" x14ac:dyDescent="0.2">
      <c r="A224" s="4" t="s">
        <v>876</v>
      </c>
      <c r="B224" s="4" t="s">
        <v>905</v>
      </c>
      <c r="C224" s="6" t="s">
        <v>55</v>
      </c>
      <c r="D224" s="4" t="s">
        <v>906</v>
      </c>
      <c r="E224" s="9">
        <v>45942</v>
      </c>
      <c r="F224" s="9">
        <v>45942</v>
      </c>
      <c r="G224" s="39" t="s">
        <v>907</v>
      </c>
      <c r="H224" s="39" t="s">
        <v>908</v>
      </c>
      <c r="I224" s="39" t="s">
        <v>897</v>
      </c>
      <c r="J224" s="39" t="s">
        <v>60</v>
      </c>
      <c r="K224" s="39" t="s">
        <v>70</v>
      </c>
      <c r="L224" s="10" t="s">
        <v>62</v>
      </c>
      <c r="M224" s="39" t="s">
        <v>897</v>
      </c>
      <c r="N224" s="2" t="s">
        <v>909</v>
      </c>
    </row>
    <row r="225" spans="1:14" ht="97.2" x14ac:dyDescent="0.2">
      <c r="A225" s="14" t="s">
        <v>876</v>
      </c>
      <c r="B225" s="14" t="s">
        <v>1766</v>
      </c>
      <c r="C225" s="15" t="s">
        <v>55</v>
      </c>
      <c r="D225" s="14" t="s">
        <v>1767</v>
      </c>
      <c r="E225" s="38">
        <v>45943</v>
      </c>
      <c r="F225" s="38">
        <v>45943</v>
      </c>
      <c r="G225" s="13" t="s">
        <v>1762</v>
      </c>
      <c r="H225" s="13" t="s">
        <v>1763</v>
      </c>
      <c r="I225" s="54" t="s">
        <v>1768</v>
      </c>
      <c r="J225" s="13" t="s">
        <v>1769</v>
      </c>
      <c r="K225" s="13" t="s">
        <v>70</v>
      </c>
      <c r="L225" s="17" t="s">
        <v>62</v>
      </c>
      <c r="M225" s="13" t="s">
        <v>1770</v>
      </c>
      <c r="N225" s="58" t="s">
        <v>1771</v>
      </c>
    </row>
    <row r="226" spans="1:14" ht="145.19999999999999" x14ac:dyDescent="0.2">
      <c r="A226" s="4" t="s">
        <v>876</v>
      </c>
      <c r="B226" s="4" t="s">
        <v>1787</v>
      </c>
      <c r="C226" s="6" t="s">
        <v>41</v>
      </c>
      <c r="D226" s="4" t="s">
        <v>1788</v>
      </c>
      <c r="E226" s="9">
        <v>45945</v>
      </c>
      <c r="F226" s="9">
        <v>45945</v>
      </c>
      <c r="G226" s="39" t="s">
        <v>1789</v>
      </c>
      <c r="H226" s="39" t="s">
        <v>926</v>
      </c>
      <c r="I226" s="39" t="s">
        <v>1570</v>
      </c>
      <c r="J226" s="39" t="s">
        <v>1790</v>
      </c>
      <c r="K226" s="39" t="s">
        <v>70</v>
      </c>
      <c r="L226" s="10" t="s">
        <v>62</v>
      </c>
      <c r="M226" s="39" t="s">
        <v>1791</v>
      </c>
      <c r="N226" s="2" t="s">
        <v>1792</v>
      </c>
    </row>
    <row r="227" spans="1:14" ht="129.6" x14ac:dyDescent="0.2">
      <c r="A227" s="4" t="s">
        <v>876</v>
      </c>
      <c r="B227" s="4" t="s">
        <v>910</v>
      </c>
      <c r="C227" s="6" t="s">
        <v>55</v>
      </c>
      <c r="D227" s="4" t="s">
        <v>911</v>
      </c>
      <c r="E227" s="9">
        <v>45948</v>
      </c>
      <c r="F227" s="9">
        <v>45948</v>
      </c>
      <c r="G227" s="39" t="s">
        <v>897</v>
      </c>
      <c r="H227" s="39" t="s">
        <v>898</v>
      </c>
      <c r="I227" s="39" t="s">
        <v>897</v>
      </c>
      <c r="J227" s="39" t="s">
        <v>60</v>
      </c>
      <c r="K227" s="39" t="s">
        <v>70</v>
      </c>
      <c r="L227" s="10" t="s">
        <v>62</v>
      </c>
      <c r="M227" s="39" t="s">
        <v>897</v>
      </c>
      <c r="N227" s="2" t="s">
        <v>912</v>
      </c>
    </row>
    <row r="228" spans="1:14" ht="81" x14ac:dyDescent="0.2">
      <c r="A228" s="14" t="s">
        <v>876</v>
      </c>
      <c r="B228" s="14" t="s">
        <v>1780</v>
      </c>
      <c r="C228" s="15" t="s">
        <v>55</v>
      </c>
      <c r="D228" s="14" t="s">
        <v>1781</v>
      </c>
      <c r="E228" s="38">
        <v>45948</v>
      </c>
      <c r="F228" s="38">
        <v>45948</v>
      </c>
      <c r="G228" s="13" t="s">
        <v>1782</v>
      </c>
      <c r="H228" s="13" t="s">
        <v>1783</v>
      </c>
      <c r="I228" s="54" t="s">
        <v>1784</v>
      </c>
      <c r="J228" s="13" t="s">
        <v>60</v>
      </c>
      <c r="K228" s="13" t="s">
        <v>61</v>
      </c>
      <c r="L228" s="17" t="s">
        <v>62</v>
      </c>
      <c r="M228" s="13" t="s">
        <v>1785</v>
      </c>
      <c r="N228" s="58" t="s">
        <v>1786</v>
      </c>
    </row>
    <row r="229" spans="1:14" ht="97.2" x14ac:dyDescent="0.2">
      <c r="A229" s="14" t="s">
        <v>876</v>
      </c>
      <c r="B229" s="14" t="s">
        <v>1778</v>
      </c>
      <c r="C229" s="15" t="s">
        <v>600</v>
      </c>
      <c r="D229" s="14" t="s">
        <v>1779</v>
      </c>
      <c r="E229" s="33">
        <v>45949</v>
      </c>
      <c r="F229" s="33">
        <v>45949</v>
      </c>
      <c r="G229" s="13" t="s">
        <v>1762</v>
      </c>
      <c r="H229" s="13" t="s">
        <v>1763</v>
      </c>
      <c r="I229" s="54" t="s">
        <v>1768</v>
      </c>
      <c r="J229" s="13" t="s">
        <v>60</v>
      </c>
      <c r="K229" s="13" t="s">
        <v>70</v>
      </c>
      <c r="L229" s="17" t="s">
        <v>62</v>
      </c>
      <c r="M229" s="13" t="s">
        <v>1770</v>
      </c>
      <c r="N229" s="58" t="s">
        <v>1771</v>
      </c>
    </row>
    <row r="230" spans="1:14" ht="79.2" x14ac:dyDescent="0.2">
      <c r="A230" s="4" t="s">
        <v>876</v>
      </c>
      <c r="B230" s="4" t="s">
        <v>888</v>
      </c>
      <c r="C230" s="6" t="s">
        <v>55</v>
      </c>
      <c r="D230" s="4" t="s">
        <v>889</v>
      </c>
      <c r="E230" s="9">
        <v>45954</v>
      </c>
      <c r="F230" s="9">
        <v>46015</v>
      </c>
      <c r="G230" s="39" t="s">
        <v>890</v>
      </c>
      <c r="H230" s="39" t="s">
        <v>891</v>
      </c>
      <c r="I230" s="39" t="s">
        <v>892</v>
      </c>
      <c r="J230" s="39" t="s">
        <v>60</v>
      </c>
      <c r="K230" s="39" t="s">
        <v>61</v>
      </c>
      <c r="L230" s="10" t="s">
        <v>85</v>
      </c>
      <c r="M230" s="39" t="s">
        <v>893</v>
      </c>
      <c r="N230" s="2" t="s">
        <v>894</v>
      </c>
    </row>
    <row r="231" spans="1:14" ht="97.2" x14ac:dyDescent="0.2">
      <c r="A231" s="14" t="s">
        <v>876</v>
      </c>
      <c r="B231" s="14" t="s">
        <v>1772</v>
      </c>
      <c r="C231" s="15" t="s">
        <v>55</v>
      </c>
      <c r="D231" s="14" t="s">
        <v>1773</v>
      </c>
      <c r="E231" s="33">
        <v>45955</v>
      </c>
      <c r="F231" s="33">
        <v>45955</v>
      </c>
      <c r="G231" s="13" t="s">
        <v>1762</v>
      </c>
      <c r="H231" s="13" t="s">
        <v>1763</v>
      </c>
      <c r="I231" s="54" t="s">
        <v>1768</v>
      </c>
      <c r="J231" s="13" t="s">
        <v>1769</v>
      </c>
      <c r="K231" s="13" t="s">
        <v>70</v>
      </c>
      <c r="L231" s="17" t="s">
        <v>62</v>
      </c>
      <c r="M231" s="13" t="s">
        <v>1770</v>
      </c>
      <c r="N231" s="58" t="s">
        <v>1771</v>
      </c>
    </row>
    <row r="232" spans="1:14" ht="129.6" x14ac:dyDescent="0.2">
      <c r="A232" s="4" t="s">
        <v>876</v>
      </c>
      <c r="B232" s="4" t="s">
        <v>900</v>
      </c>
      <c r="C232" s="6" t="s">
        <v>55</v>
      </c>
      <c r="D232" s="4" t="s">
        <v>901</v>
      </c>
      <c r="E232" s="9">
        <v>45956</v>
      </c>
      <c r="F232" s="9">
        <v>45956</v>
      </c>
      <c r="G232" s="39" t="s">
        <v>902</v>
      </c>
      <c r="H232" s="39" t="s">
        <v>903</v>
      </c>
      <c r="I232" s="39" t="s">
        <v>897</v>
      </c>
      <c r="J232" s="39" t="s">
        <v>60</v>
      </c>
      <c r="K232" s="39" t="s">
        <v>61</v>
      </c>
      <c r="L232" s="10" t="s">
        <v>85</v>
      </c>
      <c r="M232" s="39" t="s">
        <v>897</v>
      </c>
      <c r="N232" s="2" t="s">
        <v>913</v>
      </c>
    </row>
    <row r="233" spans="1:14" ht="129.6" x14ac:dyDescent="0.2">
      <c r="A233" s="4" t="s">
        <v>876</v>
      </c>
      <c r="B233" s="4" t="s">
        <v>914</v>
      </c>
      <c r="C233" s="6" t="s">
        <v>55</v>
      </c>
      <c r="D233" s="4" t="s">
        <v>915</v>
      </c>
      <c r="E233" s="9">
        <v>45962</v>
      </c>
      <c r="F233" s="9">
        <v>45964</v>
      </c>
      <c r="G233" s="39" t="s">
        <v>897</v>
      </c>
      <c r="H233" s="39" t="s">
        <v>898</v>
      </c>
      <c r="I233" s="39" t="s">
        <v>897</v>
      </c>
      <c r="J233" s="39" t="s">
        <v>60</v>
      </c>
      <c r="K233" s="39" t="s">
        <v>61</v>
      </c>
      <c r="L233" s="10" t="s">
        <v>85</v>
      </c>
      <c r="M233" s="39" t="s">
        <v>897</v>
      </c>
      <c r="N233" s="2" t="s">
        <v>916</v>
      </c>
    </row>
    <row r="234" spans="1:14" ht="129.6" x14ac:dyDescent="0.2">
      <c r="A234" s="4" t="s">
        <v>876</v>
      </c>
      <c r="B234" s="4" t="s">
        <v>917</v>
      </c>
      <c r="C234" s="6" t="s">
        <v>55</v>
      </c>
      <c r="D234" s="4" t="s">
        <v>918</v>
      </c>
      <c r="E234" s="9">
        <v>45963</v>
      </c>
      <c r="F234" s="9">
        <v>45963</v>
      </c>
      <c r="G234" s="39" t="s">
        <v>897</v>
      </c>
      <c r="H234" s="39" t="s">
        <v>898</v>
      </c>
      <c r="I234" s="39" t="s">
        <v>897</v>
      </c>
      <c r="J234" s="39" t="s">
        <v>60</v>
      </c>
      <c r="K234" s="39" t="s">
        <v>61</v>
      </c>
      <c r="L234" s="10" t="s">
        <v>85</v>
      </c>
      <c r="M234" s="39" t="s">
        <v>897</v>
      </c>
      <c r="N234" s="2" t="s">
        <v>919</v>
      </c>
    </row>
    <row r="235" spans="1:14" ht="115.2" customHeight="1" x14ac:dyDescent="0.2">
      <c r="A235" s="4" t="s">
        <v>876</v>
      </c>
      <c r="B235" s="4" t="s">
        <v>920</v>
      </c>
      <c r="C235" s="6" t="s">
        <v>55</v>
      </c>
      <c r="D235" s="4" t="s">
        <v>921</v>
      </c>
      <c r="E235" s="9">
        <v>45964</v>
      </c>
      <c r="F235" s="9">
        <v>45964</v>
      </c>
      <c r="G235" s="39" t="s">
        <v>897</v>
      </c>
      <c r="H235" s="39" t="s">
        <v>898</v>
      </c>
      <c r="I235" s="39" t="s">
        <v>897</v>
      </c>
      <c r="J235" s="39" t="s">
        <v>60</v>
      </c>
      <c r="K235" s="39" t="s">
        <v>61</v>
      </c>
      <c r="L235" s="10" t="s">
        <v>85</v>
      </c>
      <c r="M235" s="39" t="s">
        <v>897</v>
      </c>
      <c r="N235" s="2" t="s">
        <v>922</v>
      </c>
    </row>
    <row r="236" spans="1:14" ht="92.4" x14ac:dyDescent="0.2">
      <c r="A236" s="14" t="s">
        <v>876</v>
      </c>
      <c r="B236" s="14" t="s">
        <v>1760</v>
      </c>
      <c r="C236" s="15" t="s">
        <v>99</v>
      </c>
      <c r="D236" s="14" t="s">
        <v>1761</v>
      </c>
      <c r="E236" s="38">
        <v>45964</v>
      </c>
      <c r="F236" s="38">
        <v>45964</v>
      </c>
      <c r="G236" s="13" t="s">
        <v>1762</v>
      </c>
      <c r="H236" s="13" t="s">
        <v>1763</v>
      </c>
      <c r="I236" s="54" t="s">
        <v>1764</v>
      </c>
      <c r="J236" s="13" t="s">
        <v>60</v>
      </c>
      <c r="K236" s="13" t="s">
        <v>61</v>
      </c>
      <c r="L236" s="17" t="s">
        <v>85</v>
      </c>
      <c r="M236" s="54" t="s">
        <v>1765</v>
      </c>
      <c r="N236" s="195"/>
    </row>
    <row r="237" spans="1:14" ht="52.8" x14ac:dyDescent="0.2">
      <c r="A237" s="4" t="s">
        <v>876</v>
      </c>
      <c r="B237" s="4" t="s">
        <v>877</v>
      </c>
      <c r="C237" s="6" t="s">
        <v>55</v>
      </c>
      <c r="D237" s="4" t="s">
        <v>878</v>
      </c>
      <c r="E237" s="9">
        <v>45974</v>
      </c>
      <c r="F237" s="9">
        <v>45988</v>
      </c>
      <c r="G237" s="39" t="s">
        <v>879</v>
      </c>
      <c r="H237" s="39" t="s">
        <v>880</v>
      </c>
      <c r="I237" s="39" t="s">
        <v>881</v>
      </c>
      <c r="J237" s="39" t="s">
        <v>882</v>
      </c>
      <c r="K237" s="39" t="s">
        <v>61</v>
      </c>
      <c r="L237" s="10" t="s">
        <v>62</v>
      </c>
      <c r="M237" s="39" t="s">
        <v>881</v>
      </c>
      <c r="N237" s="5"/>
    </row>
    <row r="238" spans="1:14" ht="97.2" x14ac:dyDescent="0.2">
      <c r="A238" s="14" t="s">
        <v>876</v>
      </c>
      <c r="B238" s="14" t="s">
        <v>1774</v>
      </c>
      <c r="C238" s="15" t="s">
        <v>55</v>
      </c>
      <c r="D238" s="14" t="s">
        <v>1775</v>
      </c>
      <c r="E238" s="33">
        <v>45976</v>
      </c>
      <c r="F238" s="33">
        <v>45976</v>
      </c>
      <c r="G238" s="13" t="s">
        <v>1762</v>
      </c>
      <c r="H238" s="13" t="s">
        <v>1763</v>
      </c>
      <c r="I238" s="54" t="s">
        <v>1768</v>
      </c>
      <c r="J238" s="13" t="s">
        <v>60</v>
      </c>
      <c r="K238" s="13" t="s">
        <v>61</v>
      </c>
      <c r="L238" s="17" t="s">
        <v>62</v>
      </c>
      <c r="M238" s="13" t="s">
        <v>1770</v>
      </c>
      <c r="N238" s="58" t="s">
        <v>1771</v>
      </c>
    </row>
    <row r="239" spans="1:14" ht="154.19999999999999" customHeight="1" x14ac:dyDescent="0.2">
      <c r="A239" s="11" t="s">
        <v>1</v>
      </c>
      <c r="B239" s="11" t="s">
        <v>930</v>
      </c>
      <c r="C239" s="20" t="s">
        <v>80</v>
      </c>
      <c r="D239" s="11" t="s">
        <v>931</v>
      </c>
      <c r="E239" s="69">
        <v>45934</v>
      </c>
      <c r="F239" s="69">
        <v>45934</v>
      </c>
      <c r="G239" s="50" t="s">
        <v>932</v>
      </c>
      <c r="H239" s="50" t="s">
        <v>933</v>
      </c>
      <c r="I239" s="49" t="s">
        <v>934</v>
      </c>
      <c r="J239" s="50" t="s">
        <v>935</v>
      </c>
      <c r="K239" s="50" t="s">
        <v>61</v>
      </c>
      <c r="L239" s="70" t="s">
        <v>62</v>
      </c>
      <c r="M239" s="50" t="s">
        <v>934</v>
      </c>
      <c r="N239" s="5"/>
    </row>
    <row r="240" spans="1:14" ht="176.4" customHeight="1" x14ac:dyDescent="0.2">
      <c r="A240" s="4" t="s">
        <v>1</v>
      </c>
      <c r="B240" s="4" t="s">
        <v>227</v>
      </c>
      <c r="C240" s="6" t="s">
        <v>55</v>
      </c>
      <c r="D240" s="4" t="s">
        <v>228</v>
      </c>
      <c r="E240" s="9">
        <v>45941</v>
      </c>
      <c r="F240" s="9">
        <v>45941</v>
      </c>
      <c r="G240" s="39" t="s">
        <v>229</v>
      </c>
      <c r="H240" s="39" t="s">
        <v>230</v>
      </c>
      <c r="I240" s="39" t="s">
        <v>231</v>
      </c>
      <c r="J240" s="39" t="s">
        <v>60</v>
      </c>
      <c r="K240" s="39" t="s">
        <v>61</v>
      </c>
      <c r="L240" s="10" t="s">
        <v>85</v>
      </c>
      <c r="M240" s="39" t="s">
        <v>232</v>
      </c>
      <c r="N240" s="2" t="s">
        <v>233</v>
      </c>
    </row>
    <row r="241" spans="1:14" ht="103.95" customHeight="1" x14ac:dyDescent="0.2">
      <c r="A241" s="4" t="s">
        <v>1</v>
      </c>
      <c r="B241" s="4" t="s">
        <v>431</v>
      </c>
      <c r="C241" s="6" t="s">
        <v>80</v>
      </c>
      <c r="D241" s="4" t="s">
        <v>432</v>
      </c>
      <c r="E241" s="9">
        <v>45949</v>
      </c>
      <c r="F241" s="9">
        <v>45949</v>
      </c>
      <c r="G241" s="39" t="s">
        <v>433</v>
      </c>
      <c r="H241" s="39" t="s">
        <v>434</v>
      </c>
      <c r="I241" s="39" t="s">
        <v>435</v>
      </c>
      <c r="J241" s="39" t="s">
        <v>436</v>
      </c>
      <c r="K241" s="39" t="s">
        <v>61</v>
      </c>
      <c r="L241" s="10" t="s">
        <v>85</v>
      </c>
      <c r="M241" s="39" t="s">
        <v>435</v>
      </c>
      <c r="N241" s="5"/>
    </row>
    <row r="242" spans="1:14" ht="79.2" x14ac:dyDescent="0.2">
      <c r="A242" s="11" t="s">
        <v>1800</v>
      </c>
      <c r="B242" s="94" t="s">
        <v>1801</v>
      </c>
      <c r="C242" s="20" t="s">
        <v>55</v>
      </c>
      <c r="D242" s="94" t="s">
        <v>1802</v>
      </c>
      <c r="E242" s="69">
        <v>45955</v>
      </c>
      <c r="F242" s="69">
        <v>45955</v>
      </c>
      <c r="G242" s="50" t="s">
        <v>1803</v>
      </c>
      <c r="H242" s="50" t="s">
        <v>1804</v>
      </c>
      <c r="I242" s="50" t="s">
        <v>1805</v>
      </c>
      <c r="J242" s="50" t="s">
        <v>60</v>
      </c>
      <c r="K242" s="50" t="s">
        <v>61</v>
      </c>
      <c r="L242" s="70" t="s">
        <v>85</v>
      </c>
      <c r="M242" s="24" t="s">
        <v>1806</v>
      </c>
      <c r="N242" s="2" t="s">
        <v>1807</v>
      </c>
    </row>
    <row r="243" spans="1:14" ht="108" customHeight="1" x14ac:dyDescent="0.2">
      <c r="A243" s="11" t="s">
        <v>1</v>
      </c>
      <c r="B243" s="11" t="s">
        <v>1793</v>
      </c>
      <c r="C243" s="20" t="s">
        <v>600</v>
      </c>
      <c r="D243" s="11" t="s">
        <v>1794</v>
      </c>
      <c r="E243" s="69">
        <v>45977</v>
      </c>
      <c r="F243" s="69">
        <v>45977</v>
      </c>
      <c r="G243" s="50" t="s">
        <v>1795</v>
      </c>
      <c r="H243" s="50" t="s">
        <v>1796</v>
      </c>
      <c r="I243" s="50" t="s">
        <v>1797</v>
      </c>
      <c r="J243" s="50" t="s">
        <v>1798</v>
      </c>
      <c r="K243" s="50" t="s">
        <v>61</v>
      </c>
      <c r="L243" s="70" t="s">
        <v>85</v>
      </c>
      <c r="M243" s="50" t="s">
        <v>1799</v>
      </c>
      <c r="N243" s="5"/>
    </row>
    <row r="244" spans="1:14" ht="93.6" customHeight="1" x14ac:dyDescent="0.2">
      <c r="A244" s="11" t="s">
        <v>2194</v>
      </c>
      <c r="B244" s="11" t="s">
        <v>2195</v>
      </c>
      <c r="C244" s="20" t="s">
        <v>99</v>
      </c>
      <c r="D244" s="11" t="s">
        <v>2196</v>
      </c>
      <c r="E244" s="69" t="s">
        <v>2197</v>
      </c>
      <c r="F244" s="69" t="s">
        <v>2198</v>
      </c>
      <c r="G244" s="50" t="s">
        <v>2199</v>
      </c>
      <c r="H244" s="50" t="s">
        <v>2200</v>
      </c>
      <c r="I244" s="50" t="s">
        <v>2201</v>
      </c>
      <c r="J244" s="50" t="s">
        <v>60</v>
      </c>
      <c r="K244" s="50" t="s">
        <v>70</v>
      </c>
      <c r="L244" s="70" t="s">
        <v>85</v>
      </c>
      <c r="M244" s="50" t="s">
        <v>2201</v>
      </c>
      <c r="N244" s="5"/>
    </row>
    <row r="245" spans="1:14" ht="57" customHeight="1" x14ac:dyDescent="0.2">
      <c r="A245" s="4" t="s">
        <v>936</v>
      </c>
      <c r="B245" s="4" t="s">
        <v>937</v>
      </c>
      <c r="C245" s="6" t="s">
        <v>600</v>
      </c>
      <c r="D245" s="4" t="s">
        <v>938</v>
      </c>
      <c r="E245" s="9">
        <v>45920</v>
      </c>
      <c r="F245" s="9">
        <v>45920</v>
      </c>
      <c r="G245" s="39" t="s">
        <v>939</v>
      </c>
      <c r="H245" s="39" t="s">
        <v>940</v>
      </c>
      <c r="I245" s="39" t="s">
        <v>941</v>
      </c>
      <c r="J245" s="39" t="s">
        <v>60</v>
      </c>
      <c r="K245" s="39" t="s">
        <v>61</v>
      </c>
      <c r="L245" s="10" t="s">
        <v>62</v>
      </c>
      <c r="M245" s="39" t="s">
        <v>942</v>
      </c>
      <c r="N245" s="5"/>
    </row>
    <row r="246" spans="1:14" ht="57" customHeight="1" x14ac:dyDescent="0.2">
      <c r="A246" s="4" t="s">
        <v>936</v>
      </c>
      <c r="B246" s="4" t="s">
        <v>976</v>
      </c>
      <c r="C246" s="6" t="s">
        <v>99</v>
      </c>
      <c r="D246" s="4" t="s">
        <v>977</v>
      </c>
      <c r="E246" s="9">
        <v>45920</v>
      </c>
      <c r="F246" s="9">
        <v>45920</v>
      </c>
      <c r="G246" s="39" t="s">
        <v>978</v>
      </c>
      <c r="H246" s="39" t="s">
        <v>940</v>
      </c>
      <c r="I246" s="39" t="s">
        <v>979</v>
      </c>
      <c r="J246" s="39" t="s">
        <v>980</v>
      </c>
      <c r="K246" s="39" t="s">
        <v>981</v>
      </c>
      <c r="L246" s="10" t="s">
        <v>982</v>
      </c>
      <c r="M246" s="39" t="s">
        <v>983</v>
      </c>
      <c r="N246" s="5"/>
    </row>
    <row r="247" spans="1:14" ht="113.4" x14ac:dyDescent="0.2">
      <c r="A247" s="14" t="s">
        <v>2</v>
      </c>
      <c r="B247" s="14" t="s">
        <v>1820</v>
      </c>
      <c r="C247" s="15" t="s">
        <v>600</v>
      </c>
      <c r="D247" s="14" t="s">
        <v>1821</v>
      </c>
      <c r="E247" s="33">
        <v>45921</v>
      </c>
      <c r="F247" s="33">
        <v>45921</v>
      </c>
      <c r="G247" s="13" t="s">
        <v>1822</v>
      </c>
      <c r="H247" s="13" t="s">
        <v>1823</v>
      </c>
      <c r="I247" s="13" t="s">
        <v>1824</v>
      </c>
      <c r="J247" s="13" t="s">
        <v>60</v>
      </c>
      <c r="K247" s="13" t="s">
        <v>61</v>
      </c>
      <c r="L247" s="17" t="s">
        <v>85</v>
      </c>
      <c r="M247" s="13" t="s">
        <v>1824</v>
      </c>
      <c r="N247" s="58" t="s">
        <v>1825</v>
      </c>
    </row>
    <row r="248" spans="1:14" ht="66" x14ac:dyDescent="0.2">
      <c r="A248" s="4" t="s">
        <v>2</v>
      </c>
      <c r="B248" s="4" t="s">
        <v>1000</v>
      </c>
      <c r="C248" s="6" t="s">
        <v>55</v>
      </c>
      <c r="D248" s="4" t="s">
        <v>1001</v>
      </c>
      <c r="E248" s="9">
        <v>45924</v>
      </c>
      <c r="F248" s="9">
        <v>45924</v>
      </c>
      <c r="G248" s="39" t="s">
        <v>1002</v>
      </c>
      <c r="H248" s="39" t="s">
        <v>1003</v>
      </c>
      <c r="I248" s="39" t="s">
        <v>1004</v>
      </c>
      <c r="J248" s="39" t="s">
        <v>2249</v>
      </c>
      <c r="K248" s="39" t="s">
        <v>61</v>
      </c>
      <c r="L248" s="10" t="s">
        <v>62</v>
      </c>
      <c r="M248" s="39" t="s">
        <v>1004</v>
      </c>
      <c r="N248" s="5"/>
    </row>
    <row r="249" spans="1:14" ht="81.599999999999994" customHeight="1" x14ac:dyDescent="0.2">
      <c r="A249" s="4" t="s">
        <v>2</v>
      </c>
      <c r="B249" s="4" t="s">
        <v>956</v>
      </c>
      <c r="C249" s="6" t="s">
        <v>99</v>
      </c>
      <c r="D249" s="4" t="s">
        <v>957</v>
      </c>
      <c r="E249" s="9">
        <v>45931</v>
      </c>
      <c r="F249" s="9">
        <v>46096</v>
      </c>
      <c r="G249" s="39" t="s">
        <v>958</v>
      </c>
      <c r="H249" s="39" t="s">
        <v>959</v>
      </c>
      <c r="I249" s="39" t="s">
        <v>960</v>
      </c>
      <c r="J249" s="39" t="s">
        <v>961</v>
      </c>
      <c r="K249" s="39" t="s">
        <v>61</v>
      </c>
      <c r="L249" s="10" t="s">
        <v>85</v>
      </c>
      <c r="M249" s="181" t="s">
        <v>962</v>
      </c>
      <c r="N249" s="2" t="s">
        <v>963</v>
      </c>
    </row>
    <row r="250" spans="1:14" ht="81.599999999999994" customHeight="1" x14ac:dyDescent="0.2">
      <c r="A250" s="4" t="s">
        <v>936</v>
      </c>
      <c r="B250" s="4" t="s">
        <v>943</v>
      </c>
      <c r="C250" s="6" t="s">
        <v>600</v>
      </c>
      <c r="D250" s="4" t="s">
        <v>944</v>
      </c>
      <c r="E250" s="9">
        <v>45934</v>
      </c>
      <c r="F250" s="9">
        <v>45934</v>
      </c>
      <c r="G250" s="39" t="s">
        <v>945</v>
      </c>
      <c r="H250" s="39" t="s">
        <v>946</v>
      </c>
      <c r="I250" s="39" t="s">
        <v>947</v>
      </c>
      <c r="J250" s="39" t="s">
        <v>60</v>
      </c>
      <c r="K250" s="39" t="s">
        <v>61</v>
      </c>
      <c r="L250" s="10" t="s">
        <v>85</v>
      </c>
      <c r="M250" s="39" t="s">
        <v>942</v>
      </c>
      <c r="N250" s="5"/>
    </row>
    <row r="251" spans="1:14" ht="148.94999999999999" customHeight="1" x14ac:dyDescent="0.2">
      <c r="A251" s="4" t="s">
        <v>936</v>
      </c>
      <c r="B251" s="4" t="s">
        <v>948</v>
      </c>
      <c r="C251" s="6" t="s">
        <v>600</v>
      </c>
      <c r="D251" s="4" t="s">
        <v>949</v>
      </c>
      <c r="E251" s="9">
        <v>45934</v>
      </c>
      <c r="F251" s="9">
        <v>45935</v>
      </c>
      <c r="G251" s="39" t="s">
        <v>950</v>
      </c>
      <c r="H251" s="39" t="s">
        <v>951</v>
      </c>
      <c r="I251" s="39" t="s">
        <v>936</v>
      </c>
      <c r="J251" s="39" t="s">
        <v>952</v>
      </c>
      <c r="K251" s="39" t="s">
        <v>70</v>
      </c>
      <c r="L251" s="10" t="s">
        <v>62</v>
      </c>
      <c r="M251" s="39" t="s">
        <v>942</v>
      </c>
      <c r="N251" s="5"/>
    </row>
    <row r="252" spans="1:14" ht="133.19999999999999" customHeight="1" x14ac:dyDescent="0.2">
      <c r="A252" s="4" t="s">
        <v>2</v>
      </c>
      <c r="B252" s="4" t="s">
        <v>964</v>
      </c>
      <c r="C252" s="6" t="s">
        <v>99</v>
      </c>
      <c r="D252" s="4" t="s">
        <v>965</v>
      </c>
      <c r="E252" s="9">
        <v>45942</v>
      </c>
      <c r="F252" s="9">
        <v>45942</v>
      </c>
      <c r="G252" s="39" t="s">
        <v>966</v>
      </c>
      <c r="H252" s="39" t="s">
        <v>967</v>
      </c>
      <c r="I252" s="39" t="s">
        <v>968</v>
      </c>
      <c r="J252" s="39" t="s">
        <v>952</v>
      </c>
      <c r="K252" s="39" t="s">
        <v>70</v>
      </c>
      <c r="L252" s="10" t="s">
        <v>62</v>
      </c>
      <c r="M252" s="32" t="s">
        <v>969</v>
      </c>
      <c r="N252" s="2" t="s">
        <v>970</v>
      </c>
    </row>
    <row r="253" spans="1:14" ht="66" x14ac:dyDescent="0.2">
      <c r="A253" s="11" t="s">
        <v>2</v>
      </c>
      <c r="B253" s="11" t="s">
        <v>1808</v>
      </c>
      <c r="C253" s="20" t="s">
        <v>600</v>
      </c>
      <c r="D253" s="11" t="s">
        <v>1809</v>
      </c>
      <c r="E253" s="69">
        <v>45942</v>
      </c>
      <c r="F253" s="69">
        <v>45942</v>
      </c>
      <c r="G253" s="50" t="s">
        <v>1810</v>
      </c>
      <c r="H253" s="50" t="s">
        <v>1811</v>
      </c>
      <c r="I253" s="50" t="s">
        <v>1797</v>
      </c>
      <c r="J253" s="50" t="s">
        <v>1798</v>
      </c>
      <c r="K253" s="50" t="s">
        <v>61</v>
      </c>
      <c r="L253" s="70" t="s">
        <v>85</v>
      </c>
      <c r="M253" s="50" t="s">
        <v>1799</v>
      </c>
      <c r="N253" s="5"/>
    </row>
    <row r="254" spans="1:14" ht="97.2" x14ac:dyDescent="0.2">
      <c r="A254" s="11" t="s">
        <v>2</v>
      </c>
      <c r="B254" s="11" t="s">
        <v>1812</v>
      </c>
      <c r="C254" s="20" t="s">
        <v>600</v>
      </c>
      <c r="D254" s="11" t="s">
        <v>1813</v>
      </c>
      <c r="E254" s="69">
        <v>45942</v>
      </c>
      <c r="F254" s="69">
        <v>45942</v>
      </c>
      <c r="G254" s="50" t="s">
        <v>1814</v>
      </c>
      <c r="H254" s="50" t="s">
        <v>1811</v>
      </c>
      <c r="I254" s="49" t="s">
        <v>1815</v>
      </c>
      <c r="J254" s="50" t="s">
        <v>1546</v>
      </c>
      <c r="K254" s="50" t="s">
        <v>61</v>
      </c>
      <c r="L254" s="70" t="s">
        <v>62</v>
      </c>
      <c r="M254" s="50" t="s">
        <v>1547</v>
      </c>
      <c r="N254" s="2" t="s">
        <v>1816</v>
      </c>
    </row>
    <row r="255" spans="1:14" ht="81.599999999999994" customHeight="1" x14ac:dyDescent="0.2">
      <c r="A255" s="220" t="s">
        <v>2</v>
      </c>
      <c r="B255" s="220" t="s">
        <v>2251</v>
      </c>
      <c r="C255" s="220" t="s">
        <v>99</v>
      </c>
      <c r="D255" s="220" t="s">
        <v>2252</v>
      </c>
      <c r="E255" s="235">
        <v>45948</v>
      </c>
      <c r="F255" s="235">
        <v>45948</v>
      </c>
      <c r="G255" s="220" t="s">
        <v>1002</v>
      </c>
      <c r="H255" s="220" t="s">
        <v>1003</v>
      </c>
      <c r="I255" s="220" t="s">
        <v>2253</v>
      </c>
      <c r="J255" s="220" t="s">
        <v>2254</v>
      </c>
      <c r="K255" s="220" t="s">
        <v>61</v>
      </c>
      <c r="L255" s="220" t="s">
        <v>62</v>
      </c>
      <c r="M255" s="220" t="s">
        <v>2253</v>
      </c>
      <c r="N255" s="223"/>
    </row>
    <row r="256" spans="1:14" ht="97.2" x14ac:dyDescent="0.2">
      <c r="A256" s="11" t="s">
        <v>2</v>
      </c>
      <c r="B256" s="11" t="s">
        <v>1817</v>
      </c>
      <c r="C256" s="20" t="s">
        <v>600</v>
      </c>
      <c r="D256" s="11" t="s">
        <v>1818</v>
      </c>
      <c r="E256" s="69">
        <v>45949</v>
      </c>
      <c r="F256" s="69">
        <v>45949</v>
      </c>
      <c r="G256" s="50" t="s">
        <v>1810</v>
      </c>
      <c r="H256" s="50" t="s">
        <v>1819</v>
      </c>
      <c r="I256" s="50" t="s">
        <v>1815</v>
      </c>
      <c r="J256" s="50" t="s">
        <v>1546</v>
      </c>
      <c r="K256" s="50" t="s">
        <v>61</v>
      </c>
      <c r="L256" s="70" t="s">
        <v>85</v>
      </c>
      <c r="M256" s="50" t="s">
        <v>1547</v>
      </c>
      <c r="N256" s="2" t="s">
        <v>1816</v>
      </c>
    </row>
    <row r="257" spans="1:14" ht="113.4" x14ac:dyDescent="0.2">
      <c r="A257" s="14" t="s">
        <v>2</v>
      </c>
      <c r="B257" s="14" t="s">
        <v>1820</v>
      </c>
      <c r="C257" s="15" t="s">
        <v>600</v>
      </c>
      <c r="D257" s="14" t="s">
        <v>1821</v>
      </c>
      <c r="E257" s="33">
        <v>45949</v>
      </c>
      <c r="F257" s="33">
        <v>45949</v>
      </c>
      <c r="G257" s="13" t="s">
        <v>1822</v>
      </c>
      <c r="H257" s="13" t="s">
        <v>1823</v>
      </c>
      <c r="I257" s="13" t="s">
        <v>1824</v>
      </c>
      <c r="J257" s="13" t="s">
        <v>60</v>
      </c>
      <c r="K257" s="13" t="s">
        <v>61</v>
      </c>
      <c r="L257" s="17" t="s">
        <v>85</v>
      </c>
      <c r="M257" s="13" t="s">
        <v>1824</v>
      </c>
      <c r="N257" s="58" t="s">
        <v>1825</v>
      </c>
    </row>
    <row r="258" spans="1:14" ht="39.6" x14ac:dyDescent="0.2">
      <c r="A258" s="4" t="s">
        <v>2</v>
      </c>
      <c r="B258" s="4" t="s">
        <v>1009</v>
      </c>
      <c r="C258" s="6" t="s">
        <v>99</v>
      </c>
      <c r="D258" s="4" t="s">
        <v>1010</v>
      </c>
      <c r="E258" s="9">
        <v>45952</v>
      </c>
      <c r="F258" s="9">
        <v>45953</v>
      </c>
      <c r="G258" s="39" t="s">
        <v>1011</v>
      </c>
      <c r="H258" s="39" t="s">
        <v>1012</v>
      </c>
      <c r="I258" s="39" t="s">
        <v>1013</v>
      </c>
      <c r="J258" s="39" t="s">
        <v>1014</v>
      </c>
      <c r="K258" s="39" t="s">
        <v>61</v>
      </c>
      <c r="L258" s="10" t="s">
        <v>62</v>
      </c>
      <c r="M258" s="39" t="s">
        <v>1013</v>
      </c>
      <c r="N258" s="5"/>
    </row>
    <row r="259" spans="1:14" ht="39.6" x14ac:dyDescent="0.2">
      <c r="A259" s="4" t="s">
        <v>936</v>
      </c>
      <c r="B259" s="4" t="s">
        <v>990</v>
      </c>
      <c r="C259" s="6" t="s">
        <v>99</v>
      </c>
      <c r="D259" s="4" t="s">
        <v>991</v>
      </c>
      <c r="E259" s="9">
        <v>45955</v>
      </c>
      <c r="F259" s="9">
        <v>45955</v>
      </c>
      <c r="G259" s="39" t="s">
        <v>992</v>
      </c>
      <c r="H259" s="39" t="s">
        <v>993</v>
      </c>
      <c r="I259" s="39" t="s">
        <v>994</v>
      </c>
      <c r="J259" s="39" t="s">
        <v>995</v>
      </c>
      <c r="K259" s="39" t="s">
        <v>61</v>
      </c>
      <c r="L259" s="10" t="s">
        <v>62</v>
      </c>
      <c r="M259" s="39" t="s">
        <v>994</v>
      </c>
      <c r="N259" s="5"/>
    </row>
    <row r="260" spans="1:14" ht="145.19999999999999" x14ac:dyDescent="0.2">
      <c r="A260" s="11" t="s">
        <v>2</v>
      </c>
      <c r="B260" s="11" t="s">
        <v>79</v>
      </c>
      <c r="C260" s="20" t="s">
        <v>80</v>
      </c>
      <c r="D260" s="11" t="s">
        <v>81</v>
      </c>
      <c r="E260" s="69">
        <v>45955</v>
      </c>
      <c r="F260" s="69">
        <v>45956</v>
      </c>
      <c r="G260" s="50" t="s">
        <v>82</v>
      </c>
      <c r="H260" s="50" t="s">
        <v>83</v>
      </c>
      <c r="I260" s="49" t="s">
        <v>84</v>
      </c>
      <c r="J260" s="50" t="s">
        <v>60</v>
      </c>
      <c r="K260" s="50" t="s">
        <v>61</v>
      </c>
      <c r="L260" s="70" t="s">
        <v>85</v>
      </c>
      <c r="M260" s="50" t="s">
        <v>86</v>
      </c>
      <c r="N260" s="2" t="s">
        <v>87</v>
      </c>
    </row>
    <row r="261" spans="1:14" ht="81.599999999999994" customHeight="1" x14ac:dyDescent="0.2">
      <c r="A261" s="4" t="s">
        <v>936</v>
      </c>
      <c r="B261" s="4" t="s">
        <v>984</v>
      </c>
      <c r="C261" s="6" t="s">
        <v>99</v>
      </c>
      <c r="D261" s="4" t="s">
        <v>985</v>
      </c>
      <c r="E261" s="9">
        <v>45960</v>
      </c>
      <c r="F261" s="9">
        <v>45960</v>
      </c>
      <c r="G261" s="39" t="s">
        <v>986</v>
      </c>
      <c r="H261" s="39" t="s">
        <v>940</v>
      </c>
      <c r="I261" s="39" t="s">
        <v>979</v>
      </c>
      <c r="J261" s="39" t="s">
        <v>980</v>
      </c>
      <c r="K261" s="39" t="s">
        <v>981</v>
      </c>
      <c r="L261" s="10" t="s">
        <v>174</v>
      </c>
      <c r="M261" s="39" t="s">
        <v>983</v>
      </c>
      <c r="N261" s="5"/>
    </row>
    <row r="262" spans="1:14" ht="81.599999999999994" customHeight="1" x14ac:dyDescent="0.2">
      <c r="A262" s="4" t="s">
        <v>2</v>
      </c>
      <c r="B262" s="4" t="s">
        <v>1028</v>
      </c>
      <c r="C262" s="6" t="s">
        <v>99</v>
      </c>
      <c r="D262" s="4" t="s">
        <v>1029</v>
      </c>
      <c r="E262" s="9">
        <v>45960</v>
      </c>
      <c r="F262" s="9">
        <v>45967</v>
      </c>
      <c r="G262" s="39" t="s">
        <v>978</v>
      </c>
      <c r="H262" s="39" t="s">
        <v>940</v>
      </c>
      <c r="I262" s="39" t="s">
        <v>979</v>
      </c>
      <c r="J262" s="39" t="s">
        <v>980</v>
      </c>
      <c r="K262" s="39" t="s">
        <v>981</v>
      </c>
      <c r="L262" s="10" t="s">
        <v>982</v>
      </c>
      <c r="M262" s="39" t="s">
        <v>983</v>
      </c>
      <c r="N262" s="5"/>
    </row>
    <row r="263" spans="1:14" ht="81.599999999999994" customHeight="1" x14ac:dyDescent="0.2">
      <c r="A263" s="4" t="s">
        <v>2</v>
      </c>
      <c r="B263" s="4" t="s">
        <v>971</v>
      </c>
      <c r="C263" s="6" t="s">
        <v>99</v>
      </c>
      <c r="D263" s="4" t="s">
        <v>972</v>
      </c>
      <c r="E263" s="9">
        <v>45961</v>
      </c>
      <c r="F263" s="9">
        <v>45961</v>
      </c>
      <c r="G263" s="39" t="s">
        <v>966</v>
      </c>
      <c r="H263" s="39" t="s">
        <v>967</v>
      </c>
      <c r="I263" s="39" t="s">
        <v>973</v>
      </c>
      <c r="J263" s="39" t="s">
        <v>952</v>
      </c>
      <c r="K263" s="39" t="s">
        <v>70</v>
      </c>
      <c r="L263" s="10" t="s">
        <v>62</v>
      </c>
      <c r="M263" s="32" t="s">
        <v>969</v>
      </c>
      <c r="N263" s="5"/>
    </row>
    <row r="264" spans="1:14" ht="81.599999999999994" customHeight="1" x14ac:dyDescent="0.2">
      <c r="A264" s="4" t="s">
        <v>2</v>
      </c>
      <c r="B264" s="14" t="s">
        <v>2262</v>
      </c>
      <c r="C264" s="6" t="s">
        <v>55</v>
      </c>
      <c r="D264" s="4" t="s">
        <v>1005</v>
      </c>
      <c r="E264" s="9">
        <v>45963</v>
      </c>
      <c r="F264" s="9">
        <v>45963</v>
      </c>
      <c r="G264" s="39" t="s">
        <v>1002</v>
      </c>
      <c r="H264" s="39" t="s">
        <v>1003</v>
      </c>
      <c r="I264" s="39" t="s">
        <v>1004</v>
      </c>
      <c r="J264" s="39" t="s">
        <v>1006</v>
      </c>
      <c r="K264" s="39" t="s">
        <v>61</v>
      </c>
      <c r="L264" s="10" t="s">
        <v>62</v>
      </c>
      <c r="M264" s="39" t="s">
        <v>1004</v>
      </c>
      <c r="N264" s="5"/>
    </row>
    <row r="265" spans="1:14" ht="124.2" customHeight="1" x14ac:dyDescent="0.2">
      <c r="A265" s="4" t="s">
        <v>2</v>
      </c>
      <c r="B265" s="4" t="s">
        <v>1015</v>
      </c>
      <c r="C265" s="6" t="s">
        <v>99</v>
      </c>
      <c r="D265" s="4" t="s">
        <v>1016</v>
      </c>
      <c r="E265" s="9">
        <v>45963</v>
      </c>
      <c r="F265" s="9">
        <v>45970</v>
      </c>
      <c r="G265" s="39" t="s">
        <v>1017</v>
      </c>
      <c r="H265" s="39" t="s">
        <v>1018</v>
      </c>
      <c r="I265" s="39" t="s">
        <v>1013</v>
      </c>
      <c r="J265" s="13" t="s">
        <v>2263</v>
      </c>
      <c r="K265" s="39" t="s">
        <v>61</v>
      </c>
      <c r="L265" s="10" t="s">
        <v>62</v>
      </c>
      <c r="M265" s="39" t="s">
        <v>1013</v>
      </c>
      <c r="N265" s="5"/>
    </row>
    <row r="266" spans="1:14" ht="109.8" customHeight="1" x14ac:dyDescent="0.2">
      <c r="A266" s="4" t="s">
        <v>2</v>
      </c>
      <c r="B266" s="4" t="s">
        <v>974</v>
      </c>
      <c r="C266" s="6" t="s">
        <v>99</v>
      </c>
      <c r="D266" s="4" t="s">
        <v>975</v>
      </c>
      <c r="E266" s="9">
        <v>45964</v>
      </c>
      <c r="F266" s="9">
        <v>45964</v>
      </c>
      <c r="G266" s="39" t="s">
        <v>966</v>
      </c>
      <c r="H266" s="39" t="s">
        <v>967</v>
      </c>
      <c r="I266" s="39" t="s">
        <v>968</v>
      </c>
      <c r="J266" s="39" t="s">
        <v>952</v>
      </c>
      <c r="K266" s="39" t="s">
        <v>70</v>
      </c>
      <c r="L266" s="10" t="s">
        <v>62</v>
      </c>
      <c r="M266" s="32" t="s">
        <v>969</v>
      </c>
      <c r="N266" s="5"/>
    </row>
    <row r="267" spans="1:14" ht="38.4" customHeight="1" x14ac:dyDescent="0.2">
      <c r="A267" s="4" t="s">
        <v>936</v>
      </c>
      <c r="B267" s="14" t="s">
        <v>2264</v>
      </c>
      <c r="C267" s="6" t="s">
        <v>99</v>
      </c>
      <c r="D267" s="4" t="s">
        <v>996</v>
      </c>
      <c r="E267" s="9">
        <v>45964</v>
      </c>
      <c r="F267" s="9">
        <v>45964</v>
      </c>
      <c r="G267" s="39" t="s">
        <v>992</v>
      </c>
      <c r="H267" s="39" t="s">
        <v>993</v>
      </c>
      <c r="I267" s="39" t="s">
        <v>994</v>
      </c>
      <c r="J267" s="39" t="s">
        <v>995</v>
      </c>
      <c r="K267" s="39" t="s">
        <v>61</v>
      </c>
      <c r="L267" s="10" t="s">
        <v>62</v>
      </c>
      <c r="M267" s="39" t="s">
        <v>994</v>
      </c>
      <c r="N267" s="5"/>
    </row>
    <row r="268" spans="1:14" ht="66" x14ac:dyDescent="0.2">
      <c r="A268" s="220" t="s">
        <v>2</v>
      </c>
      <c r="B268" s="220" t="s">
        <v>2255</v>
      </c>
      <c r="C268" s="220" t="s">
        <v>99</v>
      </c>
      <c r="D268" s="220" t="s">
        <v>2256</v>
      </c>
      <c r="E268" s="235">
        <v>45964</v>
      </c>
      <c r="F268" s="235">
        <v>45964</v>
      </c>
      <c r="G268" s="220" t="s">
        <v>1002</v>
      </c>
      <c r="H268" s="220" t="s">
        <v>1003</v>
      </c>
      <c r="I268" s="220" t="s">
        <v>2253</v>
      </c>
      <c r="J268" s="220" t="s">
        <v>2257</v>
      </c>
      <c r="K268" s="220" t="s">
        <v>61</v>
      </c>
      <c r="L268" s="220" t="s">
        <v>62</v>
      </c>
      <c r="M268" s="220" t="s">
        <v>2253</v>
      </c>
      <c r="N268" s="220"/>
    </row>
    <row r="269" spans="1:14" ht="40.799999999999997" customHeight="1" x14ac:dyDescent="0.2">
      <c r="A269" s="4" t="s">
        <v>2</v>
      </c>
      <c r="B269" s="4" t="s">
        <v>1019</v>
      </c>
      <c r="C269" s="6" t="s">
        <v>99</v>
      </c>
      <c r="D269" s="4" t="s">
        <v>1020</v>
      </c>
      <c r="E269" s="9">
        <v>45968</v>
      </c>
      <c r="F269" s="9">
        <v>45968</v>
      </c>
      <c r="G269" s="39" t="s">
        <v>1017</v>
      </c>
      <c r="H269" s="39" t="s">
        <v>1018</v>
      </c>
      <c r="I269" s="39" t="s">
        <v>1013</v>
      </c>
      <c r="J269" s="39" t="s">
        <v>1014</v>
      </c>
      <c r="K269" s="39" t="s">
        <v>61</v>
      </c>
      <c r="L269" s="10" t="s">
        <v>62</v>
      </c>
      <c r="M269" s="39" t="s">
        <v>1013</v>
      </c>
      <c r="N269" s="5"/>
    </row>
    <row r="270" spans="1:14" ht="65.400000000000006" customHeight="1" x14ac:dyDescent="0.2">
      <c r="A270" s="4" t="s">
        <v>936</v>
      </c>
      <c r="B270" s="4" t="s">
        <v>987</v>
      </c>
      <c r="C270" s="6" t="s">
        <v>99</v>
      </c>
      <c r="D270" s="4" t="s">
        <v>988</v>
      </c>
      <c r="E270" s="9">
        <v>45969</v>
      </c>
      <c r="F270" s="9">
        <v>45969</v>
      </c>
      <c r="G270" s="39" t="s">
        <v>989</v>
      </c>
      <c r="H270" s="39" t="s">
        <v>940</v>
      </c>
      <c r="I270" s="39" t="s">
        <v>979</v>
      </c>
      <c r="J270" s="39" t="s">
        <v>980</v>
      </c>
      <c r="K270" s="39" t="s">
        <v>981</v>
      </c>
      <c r="L270" s="10" t="s">
        <v>174</v>
      </c>
      <c r="M270" s="39" t="s">
        <v>983</v>
      </c>
      <c r="N270" s="5"/>
    </row>
    <row r="271" spans="1:14" ht="64.2" customHeight="1" x14ac:dyDescent="0.2">
      <c r="A271" s="4" t="s">
        <v>936</v>
      </c>
      <c r="B271" s="4" t="s">
        <v>997</v>
      </c>
      <c r="C271" s="6" t="s">
        <v>99</v>
      </c>
      <c r="D271" s="4" t="s">
        <v>998</v>
      </c>
      <c r="E271" s="9">
        <v>45969</v>
      </c>
      <c r="F271" s="9">
        <v>45969</v>
      </c>
      <c r="G271" s="39" t="s">
        <v>992</v>
      </c>
      <c r="H271" s="39" t="s">
        <v>993</v>
      </c>
      <c r="I271" s="39" t="s">
        <v>994</v>
      </c>
      <c r="J271" s="39" t="s">
        <v>999</v>
      </c>
      <c r="K271" s="39" t="s">
        <v>61</v>
      </c>
      <c r="L271" s="10" t="s">
        <v>62</v>
      </c>
      <c r="M271" s="39" t="s">
        <v>994</v>
      </c>
      <c r="N271" s="5"/>
    </row>
    <row r="272" spans="1:14" ht="157.19999999999999" customHeight="1" x14ac:dyDescent="0.2">
      <c r="A272" s="4" t="s">
        <v>2</v>
      </c>
      <c r="B272" s="14" t="s">
        <v>2265</v>
      </c>
      <c r="C272" s="6" t="s">
        <v>89</v>
      </c>
      <c r="D272" s="4" t="s">
        <v>1007</v>
      </c>
      <c r="E272" s="9">
        <v>45969</v>
      </c>
      <c r="F272" s="9">
        <v>45969</v>
      </c>
      <c r="G272" s="39" t="s">
        <v>1002</v>
      </c>
      <c r="H272" s="39" t="s">
        <v>1003</v>
      </c>
      <c r="I272" s="39" t="s">
        <v>1004</v>
      </c>
      <c r="J272" s="39" t="s">
        <v>1008</v>
      </c>
      <c r="K272" s="39" t="s">
        <v>61</v>
      </c>
      <c r="L272" s="10" t="s">
        <v>62</v>
      </c>
      <c r="M272" s="39" t="s">
        <v>1004</v>
      </c>
      <c r="N272" s="5"/>
    </row>
    <row r="273" spans="1:14" ht="65.400000000000006" customHeight="1" x14ac:dyDescent="0.2">
      <c r="A273" s="4" t="s">
        <v>2</v>
      </c>
      <c r="B273" s="4" t="s">
        <v>1021</v>
      </c>
      <c r="C273" s="6" t="s">
        <v>99</v>
      </c>
      <c r="D273" s="4" t="s">
        <v>1022</v>
      </c>
      <c r="E273" s="9">
        <v>45969</v>
      </c>
      <c r="F273" s="9">
        <v>45969</v>
      </c>
      <c r="G273" s="39" t="s">
        <v>1023</v>
      </c>
      <c r="H273" s="39" t="s">
        <v>1018</v>
      </c>
      <c r="I273" s="39" t="s">
        <v>1013</v>
      </c>
      <c r="J273" s="39" t="s">
        <v>1024</v>
      </c>
      <c r="K273" s="39" t="s">
        <v>61</v>
      </c>
      <c r="L273" s="10" t="s">
        <v>85</v>
      </c>
      <c r="M273" s="39" t="s">
        <v>1013</v>
      </c>
      <c r="N273" s="5"/>
    </row>
    <row r="274" spans="1:14" ht="145.19999999999999" x14ac:dyDescent="0.2">
      <c r="A274" s="4" t="s">
        <v>2</v>
      </c>
      <c r="B274" s="4" t="s">
        <v>1834</v>
      </c>
      <c r="C274" s="6" t="s">
        <v>41</v>
      </c>
      <c r="D274" s="4" t="s">
        <v>1835</v>
      </c>
      <c r="E274" s="9">
        <v>45969</v>
      </c>
      <c r="F274" s="9">
        <v>45970</v>
      </c>
      <c r="G274" s="39" t="s">
        <v>1836</v>
      </c>
      <c r="H274" s="39" t="s">
        <v>1837</v>
      </c>
      <c r="I274" s="39" t="s">
        <v>1570</v>
      </c>
      <c r="J274" s="39" t="s">
        <v>1790</v>
      </c>
      <c r="K274" s="39" t="s">
        <v>70</v>
      </c>
      <c r="L274" s="10" t="s">
        <v>62</v>
      </c>
      <c r="M274" s="39" t="s">
        <v>1791</v>
      </c>
      <c r="N274" s="2" t="s">
        <v>1838</v>
      </c>
    </row>
    <row r="275" spans="1:14" ht="52.8" x14ac:dyDescent="0.2">
      <c r="A275" s="4" t="s">
        <v>936</v>
      </c>
      <c r="B275" s="4" t="s">
        <v>953</v>
      </c>
      <c r="C275" s="6" t="s">
        <v>600</v>
      </c>
      <c r="D275" s="4" t="s">
        <v>954</v>
      </c>
      <c r="E275" s="9">
        <v>45970</v>
      </c>
      <c r="F275" s="9">
        <v>45970</v>
      </c>
      <c r="G275" s="39" t="s">
        <v>939</v>
      </c>
      <c r="H275" s="39" t="s">
        <v>940</v>
      </c>
      <c r="I275" s="39" t="s">
        <v>955</v>
      </c>
      <c r="J275" s="39" t="s">
        <v>60</v>
      </c>
      <c r="K275" s="39" t="s">
        <v>61</v>
      </c>
      <c r="L275" s="10" t="s">
        <v>85</v>
      </c>
      <c r="M275" s="39" t="s">
        <v>942</v>
      </c>
      <c r="N275" s="5"/>
    </row>
    <row r="276" spans="1:14" ht="52.8" x14ac:dyDescent="0.2">
      <c r="A276" s="4" t="s">
        <v>2</v>
      </c>
      <c r="B276" s="4" t="s">
        <v>1025</v>
      </c>
      <c r="C276" s="6" t="s">
        <v>99</v>
      </c>
      <c r="D276" s="4" t="s">
        <v>1026</v>
      </c>
      <c r="E276" s="9">
        <v>45977</v>
      </c>
      <c r="F276" s="9">
        <v>45977</v>
      </c>
      <c r="G276" s="39" t="s">
        <v>1023</v>
      </c>
      <c r="H276" s="39" t="s">
        <v>1018</v>
      </c>
      <c r="I276" s="39" t="s">
        <v>1013</v>
      </c>
      <c r="J276" s="39" t="s">
        <v>1027</v>
      </c>
      <c r="K276" s="39" t="s">
        <v>61</v>
      </c>
      <c r="L276" s="10" t="s">
        <v>62</v>
      </c>
      <c r="M276" s="39" t="s">
        <v>1013</v>
      </c>
      <c r="N276" s="5"/>
    </row>
    <row r="277" spans="1:14" ht="113.4" x14ac:dyDescent="0.2">
      <c r="A277" s="14" t="s">
        <v>2</v>
      </c>
      <c r="B277" s="14" t="s">
        <v>1820</v>
      </c>
      <c r="C277" s="15" t="s">
        <v>600</v>
      </c>
      <c r="D277" s="14" t="s">
        <v>1821</v>
      </c>
      <c r="E277" s="33">
        <v>45977</v>
      </c>
      <c r="F277" s="33">
        <v>45977</v>
      </c>
      <c r="G277" s="13" t="s">
        <v>1822</v>
      </c>
      <c r="H277" s="13" t="s">
        <v>1823</v>
      </c>
      <c r="I277" s="13" t="s">
        <v>1824</v>
      </c>
      <c r="J277" s="13" t="s">
        <v>60</v>
      </c>
      <c r="K277" s="13" t="s">
        <v>61</v>
      </c>
      <c r="L277" s="17" t="s">
        <v>85</v>
      </c>
      <c r="M277" s="13" t="s">
        <v>1824</v>
      </c>
      <c r="N277" s="58" t="s">
        <v>1825</v>
      </c>
    </row>
    <row r="278" spans="1:14" ht="81" x14ac:dyDescent="0.2">
      <c r="A278" s="14" t="s">
        <v>2</v>
      </c>
      <c r="B278" s="14" t="s">
        <v>1826</v>
      </c>
      <c r="C278" s="16" t="s">
        <v>600</v>
      </c>
      <c r="D278" s="14" t="s">
        <v>1827</v>
      </c>
      <c r="E278" s="13" t="s">
        <v>1828</v>
      </c>
      <c r="F278" s="33"/>
      <c r="G278" s="13" t="s">
        <v>1822</v>
      </c>
      <c r="H278" s="13" t="s">
        <v>1823</v>
      </c>
      <c r="I278" s="13" t="s">
        <v>1824</v>
      </c>
      <c r="J278" s="13" t="s">
        <v>60</v>
      </c>
      <c r="K278" s="13" t="s">
        <v>70</v>
      </c>
      <c r="L278" s="17" t="s">
        <v>85</v>
      </c>
      <c r="M278" s="13" t="s">
        <v>1824</v>
      </c>
      <c r="N278" s="58" t="s">
        <v>1829</v>
      </c>
    </row>
    <row r="279" spans="1:14" ht="81" x14ac:dyDescent="0.2">
      <c r="A279" s="14" t="s">
        <v>2</v>
      </c>
      <c r="B279" s="14" t="s">
        <v>1830</v>
      </c>
      <c r="C279" s="15" t="s">
        <v>600</v>
      </c>
      <c r="D279" s="14" t="s">
        <v>1831</v>
      </c>
      <c r="E279" s="13" t="s">
        <v>1832</v>
      </c>
      <c r="F279" s="33"/>
      <c r="G279" s="13" t="s">
        <v>1822</v>
      </c>
      <c r="H279" s="13" t="s">
        <v>1823</v>
      </c>
      <c r="I279" s="13" t="s">
        <v>1824</v>
      </c>
      <c r="J279" s="13" t="s">
        <v>60</v>
      </c>
      <c r="K279" s="13" t="s">
        <v>70</v>
      </c>
      <c r="L279" s="17" t="s">
        <v>85</v>
      </c>
      <c r="M279" s="13" t="s">
        <v>1824</v>
      </c>
      <c r="N279" s="58" t="s">
        <v>1829</v>
      </c>
    </row>
    <row r="280" spans="1:14" ht="81" x14ac:dyDescent="0.2">
      <c r="A280" s="14" t="s">
        <v>2</v>
      </c>
      <c r="B280" s="14" t="s">
        <v>1830</v>
      </c>
      <c r="C280" s="16" t="s">
        <v>600</v>
      </c>
      <c r="D280" s="14" t="s">
        <v>1831</v>
      </c>
      <c r="E280" s="13" t="s">
        <v>1833</v>
      </c>
      <c r="F280" s="33"/>
      <c r="G280" s="13" t="s">
        <v>1822</v>
      </c>
      <c r="H280" s="13" t="s">
        <v>1823</v>
      </c>
      <c r="I280" s="13" t="s">
        <v>1824</v>
      </c>
      <c r="J280" s="13" t="s">
        <v>60</v>
      </c>
      <c r="K280" s="13" t="s">
        <v>70</v>
      </c>
      <c r="L280" s="17" t="s">
        <v>85</v>
      </c>
      <c r="M280" s="13" t="s">
        <v>1824</v>
      </c>
      <c r="N280" s="58" t="s">
        <v>1829</v>
      </c>
    </row>
    <row r="281" spans="1:14" ht="129.6" x14ac:dyDescent="0.2">
      <c r="A281" s="11" t="s">
        <v>3</v>
      </c>
      <c r="B281" s="11" t="s">
        <v>437</v>
      </c>
      <c r="C281" s="20" t="s">
        <v>55</v>
      </c>
      <c r="D281" s="11" t="s">
        <v>438</v>
      </c>
      <c r="E281" s="69">
        <v>45920</v>
      </c>
      <c r="F281" s="69">
        <v>45920</v>
      </c>
      <c r="G281" s="50" t="s">
        <v>439</v>
      </c>
      <c r="H281" s="50" t="s">
        <v>440</v>
      </c>
      <c r="I281" s="49" t="s">
        <v>441</v>
      </c>
      <c r="J281" s="50" t="s">
        <v>442</v>
      </c>
      <c r="K281" s="50" t="s">
        <v>70</v>
      </c>
      <c r="L281" s="70" t="s">
        <v>62</v>
      </c>
      <c r="M281" s="50" t="s">
        <v>443</v>
      </c>
      <c r="N281" s="2" t="s">
        <v>444</v>
      </c>
    </row>
    <row r="282" spans="1:14" ht="64.8" x14ac:dyDescent="0.2">
      <c r="A282" s="4" t="s">
        <v>3</v>
      </c>
      <c r="B282" s="4" t="s">
        <v>1030</v>
      </c>
      <c r="C282" s="6" t="s">
        <v>600</v>
      </c>
      <c r="D282" s="4" t="s">
        <v>1031</v>
      </c>
      <c r="E282" s="9">
        <v>45921</v>
      </c>
      <c r="F282" s="9">
        <v>45921</v>
      </c>
      <c r="G282" s="39" t="s">
        <v>1032</v>
      </c>
      <c r="H282" s="39" t="s">
        <v>1033</v>
      </c>
      <c r="I282" s="39" t="s">
        <v>1034</v>
      </c>
      <c r="J282" s="39" t="s">
        <v>115</v>
      </c>
      <c r="K282" s="39" t="s">
        <v>61</v>
      </c>
      <c r="L282" s="10" t="s">
        <v>116</v>
      </c>
      <c r="M282" s="39" t="s">
        <v>1034</v>
      </c>
      <c r="N282" s="2" t="s">
        <v>1035</v>
      </c>
    </row>
    <row r="283" spans="1:14" ht="129.6" x14ac:dyDescent="0.2">
      <c r="A283" s="11" t="s">
        <v>3</v>
      </c>
      <c r="B283" s="11" t="s">
        <v>445</v>
      </c>
      <c r="C283" s="20" t="s">
        <v>55</v>
      </c>
      <c r="D283" s="11" t="s">
        <v>446</v>
      </c>
      <c r="E283" s="69">
        <v>45927</v>
      </c>
      <c r="F283" s="69">
        <v>45927</v>
      </c>
      <c r="G283" s="50" t="s">
        <v>439</v>
      </c>
      <c r="H283" s="50" t="s">
        <v>440</v>
      </c>
      <c r="I283" s="49" t="s">
        <v>441</v>
      </c>
      <c r="J283" s="50" t="s">
        <v>447</v>
      </c>
      <c r="K283" s="50" t="s">
        <v>61</v>
      </c>
      <c r="L283" s="70" t="s">
        <v>62</v>
      </c>
      <c r="M283" s="50" t="s">
        <v>443</v>
      </c>
      <c r="N283" s="2" t="s">
        <v>448</v>
      </c>
    </row>
    <row r="284" spans="1:14" ht="145.80000000000001" x14ac:dyDescent="0.2">
      <c r="A284" s="6" t="s">
        <v>3</v>
      </c>
      <c r="B284" s="4" t="s">
        <v>1047</v>
      </c>
      <c r="C284" s="6" t="s">
        <v>55</v>
      </c>
      <c r="D284" s="4" t="s">
        <v>1048</v>
      </c>
      <c r="E284" s="9">
        <v>45927</v>
      </c>
      <c r="F284" s="9">
        <v>45928</v>
      </c>
      <c r="G284" s="39" t="s">
        <v>1049</v>
      </c>
      <c r="H284" s="39" t="s">
        <v>452</v>
      </c>
      <c r="I284" s="39" t="s">
        <v>1050</v>
      </c>
      <c r="J284" s="39" t="s">
        <v>1051</v>
      </c>
      <c r="K284" s="39" t="s">
        <v>70</v>
      </c>
      <c r="L284" s="10" t="s">
        <v>62</v>
      </c>
      <c r="M284" s="39" t="s">
        <v>1052</v>
      </c>
      <c r="N284" s="2" t="s">
        <v>1053</v>
      </c>
    </row>
    <row r="285" spans="1:14" ht="129.6" x14ac:dyDescent="0.2">
      <c r="A285" s="11" t="s">
        <v>3</v>
      </c>
      <c r="B285" s="11" t="s">
        <v>449</v>
      </c>
      <c r="C285" s="20" t="s">
        <v>55</v>
      </c>
      <c r="D285" s="11" t="s">
        <v>450</v>
      </c>
      <c r="E285" s="69">
        <v>45928</v>
      </c>
      <c r="F285" s="69">
        <v>45928</v>
      </c>
      <c r="G285" s="50" t="s">
        <v>451</v>
      </c>
      <c r="H285" s="50" t="s">
        <v>452</v>
      </c>
      <c r="I285" s="49" t="s">
        <v>441</v>
      </c>
      <c r="J285" s="50" t="s">
        <v>453</v>
      </c>
      <c r="K285" s="50" t="s">
        <v>70</v>
      </c>
      <c r="L285" s="70" t="s">
        <v>62</v>
      </c>
      <c r="M285" s="50" t="s">
        <v>443</v>
      </c>
      <c r="N285" s="2" t="s">
        <v>454</v>
      </c>
    </row>
    <row r="286" spans="1:14" ht="129.6" x14ac:dyDescent="0.2">
      <c r="A286" s="11" t="s">
        <v>3</v>
      </c>
      <c r="B286" s="11" t="s">
        <v>455</v>
      </c>
      <c r="C286" s="20" t="s">
        <v>55</v>
      </c>
      <c r="D286" s="11" t="s">
        <v>456</v>
      </c>
      <c r="E286" s="69">
        <v>45928</v>
      </c>
      <c r="F286" s="69">
        <v>45984</v>
      </c>
      <c r="G286" s="50" t="s">
        <v>439</v>
      </c>
      <c r="H286" s="50" t="s">
        <v>440</v>
      </c>
      <c r="I286" s="49" t="s">
        <v>441</v>
      </c>
      <c r="J286" s="50" t="s">
        <v>457</v>
      </c>
      <c r="K286" s="50" t="s">
        <v>70</v>
      </c>
      <c r="L286" s="70" t="s">
        <v>62</v>
      </c>
      <c r="M286" s="50" t="s">
        <v>443</v>
      </c>
      <c r="N286" s="2" t="s">
        <v>458</v>
      </c>
    </row>
    <row r="287" spans="1:14" ht="66" x14ac:dyDescent="0.2">
      <c r="A287" s="11" t="s">
        <v>3</v>
      </c>
      <c r="B287" s="11" t="s">
        <v>1839</v>
      </c>
      <c r="C287" s="20" t="s">
        <v>600</v>
      </c>
      <c r="D287" s="11" t="s">
        <v>1840</v>
      </c>
      <c r="E287" s="69">
        <v>45934</v>
      </c>
      <c r="F287" s="69">
        <v>45934</v>
      </c>
      <c r="G287" s="50" t="s">
        <v>1841</v>
      </c>
      <c r="H287" s="50" t="s">
        <v>1842</v>
      </c>
      <c r="I287" s="50" t="s">
        <v>1797</v>
      </c>
      <c r="J287" s="50" t="s">
        <v>1798</v>
      </c>
      <c r="K287" s="50" t="s">
        <v>61</v>
      </c>
      <c r="L287" s="70" t="s">
        <v>85</v>
      </c>
      <c r="M287" s="50" t="s">
        <v>1799</v>
      </c>
      <c r="N287" s="5"/>
    </row>
    <row r="288" spans="1:14" ht="129.6" x14ac:dyDescent="0.2">
      <c r="A288" s="11" t="s">
        <v>3</v>
      </c>
      <c r="B288" s="11" t="s">
        <v>459</v>
      </c>
      <c r="C288" s="20" t="s">
        <v>55</v>
      </c>
      <c r="D288" s="11" t="s">
        <v>460</v>
      </c>
      <c r="E288" s="69">
        <v>45934</v>
      </c>
      <c r="F288" s="69">
        <v>45935</v>
      </c>
      <c r="G288" s="50" t="s">
        <v>461</v>
      </c>
      <c r="H288" s="50" t="s">
        <v>462</v>
      </c>
      <c r="I288" s="49" t="s">
        <v>441</v>
      </c>
      <c r="J288" s="50" t="s">
        <v>463</v>
      </c>
      <c r="K288" s="50" t="s">
        <v>70</v>
      </c>
      <c r="L288" s="70" t="s">
        <v>62</v>
      </c>
      <c r="M288" s="50" t="s">
        <v>443</v>
      </c>
      <c r="N288" s="2" t="s">
        <v>464</v>
      </c>
    </row>
    <row r="289" spans="1:14" ht="129.6" x14ac:dyDescent="0.2">
      <c r="A289" s="11" t="s">
        <v>3</v>
      </c>
      <c r="B289" s="11" t="s">
        <v>465</v>
      </c>
      <c r="C289" s="20" t="s">
        <v>55</v>
      </c>
      <c r="D289" s="11" t="s">
        <v>466</v>
      </c>
      <c r="E289" s="69">
        <v>45935</v>
      </c>
      <c r="F289" s="69">
        <v>45935</v>
      </c>
      <c r="G289" s="50" t="s">
        <v>439</v>
      </c>
      <c r="H289" s="50" t="s">
        <v>440</v>
      </c>
      <c r="I289" s="49" t="s">
        <v>441</v>
      </c>
      <c r="J289" s="50" t="s">
        <v>467</v>
      </c>
      <c r="K289" s="50" t="s">
        <v>61</v>
      </c>
      <c r="L289" s="70" t="s">
        <v>62</v>
      </c>
      <c r="M289" s="50" t="s">
        <v>443</v>
      </c>
      <c r="N289" s="2" t="s">
        <v>468</v>
      </c>
    </row>
    <row r="290" spans="1:14" ht="91.95" customHeight="1" x14ac:dyDescent="0.2">
      <c r="A290" s="11" t="s">
        <v>3</v>
      </c>
      <c r="B290" s="11" t="s">
        <v>469</v>
      </c>
      <c r="C290" s="20" t="s">
        <v>55</v>
      </c>
      <c r="D290" s="11" t="s">
        <v>470</v>
      </c>
      <c r="E290" s="69">
        <v>45935</v>
      </c>
      <c r="F290" s="69">
        <v>45935</v>
      </c>
      <c r="G290" s="50" t="s">
        <v>471</v>
      </c>
      <c r="H290" s="50" t="s">
        <v>472</v>
      </c>
      <c r="I290" s="49" t="s">
        <v>441</v>
      </c>
      <c r="J290" s="50" t="s">
        <v>473</v>
      </c>
      <c r="K290" s="50" t="s">
        <v>70</v>
      </c>
      <c r="L290" s="70" t="s">
        <v>62</v>
      </c>
      <c r="M290" s="50" t="s">
        <v>443</v>
      </c>
      <c r="N290" s="2" t="s">
        <v>474</v>
      </c>
    </row>
    <row r="291" spans="1:14" ht="66" x14ac:dyDescent="0.2">
      <c r="A291" s="11" t="s">
        <v>1054</v>
      </c>
      <c r="B291" s="11" t="s">
        <v>1845</v>
      </c>
      <c r="C291" s="20" t="s">
        <v>99</v>
      </c>
      <c r="D291" s="11" t="s">
        <v>1846</v>
      </c>
      <c r="E291" s="69">
        <v>45942</v>
      </c>
      <c r="F291" s="69">
        <v>45942</v>
      </c>
      <c r="G291" s="50" t="s">
        <v>1847</v>
      </c>
      <c r="H291" s="50" t="s">
        <v>1518</v>
      </c>
      <c r="I291" s="49" t="s">
        <v>1848</v>
      </c>
      <c r="J291" s="50" t="s">
        <v>60</v>
      </c>
      <c r="K291" s="50" t="s">
        <v>61</v>
      </c>
      <c r="L291" s="70" t="s">
        <v>62</v>
      </c>
      <c r="M291" s="50" t="s">
        <v>1849</v>
      </c>
      <c r="N291" s="2" t="s">
        <v>1850</v>
      </c>
    </row>
    <row r="292" spans="1:14" ht="81" x14ac:dyDescent="0.2">
      <c r="A292" s="14" t="s">
        <v>3</v>
      </c>
      <c r="B292" s="14" t="s">
        <v>1862</v>
      </c>
      <c r="C292" s="15" t="s">
        <v>99</v>
      </c>
      <c r="D292" s="14" t="s">
        <v>1863</v>
      </c>
      <c r="E292" s="33">
        <v>45942</v>
      </c>
      <c r="F292" s="33">
        <v>45942</v>
      </c>
      <c r="G292" s="13" t="s">
        <v>1854</v>
      </c>
      <c r="H292" s="13" t="s">
        <v>1855</v>
      </c>
      <c r="I292" s="13" t="s">
        <v>1856</v>
      </c>
      <c r="J292" s="13" t="s">
        <v>554</v>
      </c>
      <c r="K292" s="13" t="s">
        <v>419</v>
      </c>
      <c r="L292" s="17" t="s">
        <v>62</v>
      </c>
      <c r="M292" s="13" t="s">
        <v>1857</v>
      </c>
      <c r="N292" s="58" t="s">
        <v>1858</v>
      </c>
    </row>
    <row r="293" spans="1:14" ht="129.6" x14ac:dyDescent="0.2">
      <c r="A293" s="11" t="s">
        <v>3</v>
      </c>
      <c r="B293" s="11" t="s">
        <v>475</v>
      </c>
      <c r="C293" s="20" t="s">
        <v>55</v>
      </c>
      <c r="D293" s="11" t="s">
        <v>476</v>
      </c>
      <c r="E293" s="69">
        <v>45948</v>
      </c>
      <c r="F293" s="69">
        <v>45948</v>
      </c>
      <c r="G293" s="50" t="s">
        <v>439</v>
      </c>
      <c r="H293" s="50" t="s">
        <v>440</v>
      </c>
      <c r="I293" s="49" t="s">
        <v>441</v>
      </c>
      <c r="J293" s="50" t="s">
        <v>477</v>
      </c>
      <c r="K293" s="50" t="s">
        <v>70</v>
      </c>
      <c r="L293" s="70" t="s">
        <v>62</v>
      </c>
      <c r="M293" s="50" t="s">
        <v>443</v>
      </c>
      <c r="N293" s="2" t="s">
        <v>478</v>
      </c>
    </row>
    <row r="294" spans="1:14" ht="129.6" x14ac:dyDescent="0.2">
      <c r="A294" s="11" t="s">
        <v>3</v>
      </c>
      <c r="B294" s="11" t="s">
        <v>479</v>
      </c>
      <c r="C294" s="20" t="s">
        <v>55</v>
      </c>
      <c r="D294" s="11" t="s">
        <v>480</v>
      </c>
      <c r="E294" s="69">
        <v>45948</v>
      </c>
      <c r="F294" s="69">
        <v>45948</v>
      </c>
      <c r="G294" s="50" t="s">
        <v>481</v>
      </c>
      <c r="H294" s="50" t="s">
        <v>472</v>
      </c>
      <c r="I294" s="49" t="s">
        <v>441</v>
      </c>
      <c r="J294" s="50" t="s">
        <v>453</v>
      </c>
      <c r="K294" s="50" t="s">
        <v>70</v>
      </c>
      <c r="L294" s="70" t="s">
        <v>62</v>
      </c>
      <c r="M294" s="50" t="s">
        <v>443</v>
      </c>
      <c r="N294" s="2" t="s">
        <v>482</v>
      </c>
    </row>
    <row r="295" spans="1:14" ht="129.6" x14ac:dyDescent="0.2">
      <c r="A295" s="11" t="s">
        <v>3</v>
      </c>
      <c r="B295" s="11" t="s">
        <v>483</v>
      </c>
      <c r="C295" s="20" t="s">
        <v>55</v>
      </c>
      <c r="D295" s="11" t="s">
        <v>484</v>
      </c>
      <c r="E295" s="69">
        <v>45949</v>
      </c>
      <c r="F295" s="69">
        <v>45949</v>
      </c>
      <c r="G295" s="50" t="s">
        <v>485</v>
      </c>
      <c r="H295" s="50" t="s">
        <v>472</v>
      </c>
      <c r="I295" s="49" t="s">
        <v>441</v>
      </c>
      <c r="J295" s="50" t="s">
        <v>473</v>
      </c>
      <c r="K295" s="50" t="s">
        <v>70</v>
      </c>
      <c r="L295" s="70" t="s">
        <v>62</v>
      </c>
      <c r="M295" s="50" t="s">
        <v>443</v>
      </c>
      <c r="N295" s="2" t="s">
        <v>486</v>
      </c>
    </row>
    <row r="296" spans="1:14" ht="66" x14ac:dyDescent="0.2">
      <c r="A296" s="4" t="s">
        <v>3</v>
      </c>
      <c r="B296" s="4" t="s">
        <v>1040</v>
      </c>
      <c r="C296" s="6" t="s">
        <v>99</v>
      </c>
      <c r="D296" s="4" t="s">
        <v>1041</v>
      </c>
      <c r="E296" s="9">
        <v>45949</v>
      </c>
      <c r="F296" s="9">
        <v>45949</v>
      </c>
      <c r="G296" s="39" t="s">
        <v>1042</v>
      </c>
      <c r="H296" s="39" t="s">
        <v>1043</v>
      </c>
      <c r="I296" s="39" t="s">
        <v>1044</v>
      </c>
      <c r="J296" s="39" t="s">
        <v>1045</v>
      </c>
      <c r="K296" s="39" t="s">
        <v>61</v>
      </c>
      <c r="L296" s="10" t="s">
        <v>85</v>
      </c>
      <c r="M296" s="39" t="s">
        <v>1046</v>
      </c>
      <c r="N296" s="5"/>
    </row>
    <row r="297" spans="1:14" ht="164.4" customHeight="1" x14ac:dyDescent="0.2">
      <c r="A297" s="11" t="s">
        <v>3</v>
      </c>
      <c r="B297" s="11" t="s">
        <v>2244</v>
      </c>
      <c r="C297" s="20" t="s">
        <v>600</v>
      </c>
      <c r="D297" s="220" t="s">
        <v>2258</v>
      </c>
      <c r="E297" s="69">
        <v>45949</v>
      </c>
      <c r="F297" s="69">
        <v>45949</v>
      </c>
      <c r="G297" s="220" t="s">
        <v>2246</v>
      </c>
      <c r="H297" s="220" t="s">
        <v>2266</v>
      </c>
      <c r="I297" s="220" t="s">
        <v>2259</v>
      </c>
      <c r="J297" s="50" t="s">
        <v>60</v>
      </c>
      <c r="K297" s="50" t="s">
        <v>61</v>
      </c>
      <c r="L297" s="220" t="s">
        <v>2267</v>
      </c>
      <c r="M297" s="220" t="s">
        <v>2260</v>
      </c>
      <c r="N297" s="2" t="s">
        <v>2245</v>
      </c>
    </row>
    <row r="298" spans="1:14" ht="79.2" x14ac:dyDescent="0.2">
      <c r="A298" s="11" t="s">
        <v>1054</v>
      </c>
      <c r="B298" s="94" t="s">
        <v>1801</v>
      </c>
      <c r="C298" s="20" t="s">
        <v>55</v>
      </c>
      <c r="D298" s="94" t="s">
        <v>1802</v>
      </c>
      <c r="E298" s="69">
        <v>45955</v>
      </c>
      <c r="F298" s="69">
        <v>45955</v>
      </c>
      <c r="G298" s="50" t="s">
        <v>1843</v>
      </c>
      <c r="H298" s="50" t="s">
        <v>1844</v>
      </c>
      <c r="I298" s="50" t="s">
        <v>1805</v>
      </c>
      <c r="J298" s="50" t="s">
        <v>60</v>
      </c>
      <c r="K298" s="50" t="s">
        <v>61</v>
      </c>
      <c r="L298" s="70" t="s">
        <v>85</v>
      </c>
      <c r="M298" s="24" t="s">
        <v>1806</v>
      </c>
      <c r="N298" s="2" t="s">
        <v>1807</v>
      </c>
    </row>
    <row r="299" spans="1:14" ht="129.6" x14ac:dyDescent="0.2">
      <c r="A299" s="11" t="s">
        <v>3</v>
      </c>
      <c r="B299" s="11" t="s">
        <v>487</v>
      </c>
      <c r="C299" s="20" t="s">
        <v>55</v>
      </c>
      <c r="D299" s="11" t="s">
        <v>488</v>
      </c>
      <c r="E299" s="69">
        <v>45963</v>
      </c>
      <c r="F299" s="69">
        <v>45963</v>
      </c>
      <c r="G299" s="50" t="s">
        <v>489</v>
      </c>
      <c r="H299" s="50" t="s">
        <v>472</v>
      </c>
      <c r="I299" s="49" t="s">
        <v>441</v>
      </c>
      <c r="J299" s="50" t="s">
        <v>490</v>
      </c>
      <c r="K299" s="50" t="s">
        <v>70</v>
      </c>
      <c r="L299" s="70" t="s">
        <v>62</v>
      </c>
      <c r="M299" s="50" t="s">
        <v>443</v>
      </c>
      <c r="N299" s="2" t="s">
        <v>491</v>
      </c>
    </row>
    <row r="300" spans="1:14" ht="129.6" x14ac:dyDescent="0.2">
      <c r="A300" s="11" t="s">
        <v>3</v>
      </c>
      <c r="B300" s="11" t="s">
        <v>492</v>
      </c>
      <c r="C300" s="20" t="s">
        <v>55</v>
      </c>
      <c r="D300" s="11" t="s">
        <v>493</v>
      </c>
      <c r="E300" s="69">
        <v>45970</v>
      </c>
      <c r="F300" s="69">
        <v>45970</v>
      </c>
      <c r="G300" s="50" t="s">
        <v>439</v>
      </c>
      <c r="H300" s="50" t="s">
        <v>440</v>
      </c>
      <c r="I300" s="49" t="s">
        <v>441</v>
      </c>
      <c r="J300" s="50" t="s">
        <v>494</v>
      </c>
      <c r="K300" s="50" t="s">
        <v>70</v>
      </c>
      <c r="L300" s="70" t="s">
        <v>62</v>
      </c>
      <c r="M300" s="50" t="s">
        <v>443</v>
      </c>
      <c r="N300" s="2" t="s">
        <v>495</v>
      </c>
    </row>
    <row r="301" spans="1:14" ht="129.6" x14ac:dyDescent="0.2">
      <c r="A301" s="11" t="s">
        <v>3</v>
      </c>
      <c r="B301" s="11" t="s">
        <v>496</v>
      </c>
      <c r="C301" s="20" t="s">
        <v>55</v>
      </c>
      <c r="D301" s="11" t="s">
        <v>497</v>
      </c>
      <c r="E301" s="69">
        <v>45970</v>
      </c>
      <c r="F301" s="69">
        <v>45970</v>
      </c>
      <c r="G301" s="50" t="s">
        <v>498</v>
      </c>
      <c r="H301" s="50" t="s">
        <v>472</v>
      </c>
      <c r="I301" s="49" t="s">
        <v>441</v>
      </c>
      <c r="J301" s="50" t="s">
        <v>499</v>
      </c>
      <c r="K301" s="50" t="s">
        <v>70</v>
      </c>
      <c r="L301" s="70" t="s">
        <v>62</v>
      </c>
      <c r="M301" s="50" t="s">
        <v>443</v>
      </c>
      <c r="N301" s="2" t="s">
        <v>500</v>
      </c>
    </row>
    <row r="302" spans="1:14" ht="64.8" x14ac:dyDescent="0.2">
      <c r="A302" s="4" t="s">
        <v>3</v>
      </c>
      <c r="B302" s="4" t="s">
        <v>1036</v>
      </c>
      <c r="C302" s="6" t="s">
        <v>600</v>
      </c>
      <c r="D302" s="4" t="s">
        <v>1037</v>
      </c>
      <c r="E302" s="9">
        <v>45970</v>
      </c>
      <c r="F302" s="9">
        <v>45970</v>
      </c>
      <c r="G302" s="39" t="s">
        <v>1032</v>
      </c>
      <c r="H302" s="39" t="s">
        <v>1033</v>
      </c>
      <c r="I302" s="39" t="s">
        <v>1034</v>
      </c>
      <c r="J302" s="39" t="s">
        <v>1038</v>
      </c>
      <c r="K302" s="39" t="s">
        <v>61</v>
      </c>
      <c r="L302" s="10" t="s">
        <v>62</v>
      </c>
      <c r="M302" s="39" t="s">
        <v>1034</v>
      </c>
      <c r="N302" s="2" t="s">
        <v>1039</v>
      </c>
    </row>
    <row r="303" spans="1:14" ht="39.6" x14ac:dyDescent="0.2">
      <c r="A303" s="4" t="s">
        <v>1054</v>
      </c>
      <c r="B303" s="95" t="s">
        <v>1055</v>
      </c>
      <c r="C303" s="6" t="s">
        <v>99</v>
      </c>
      <c r="D303" s="4" t="s">
        <v>1056</v>
      </c>
      <c r="E303" s="9">
        <v>45970</v>
      </c>
      <c r="F303" s="9">
        <v>45970</v>
      </c>
      <c r="G303" s="39" t="s">
        <v>1057</v>
      </c>
      <c r="H303" s="39" t="s">
        <v>1058</v>
      </c>
      <c r="I303" s="39" t="s">
        <v>1059</v>
      </c>
      <c r="J303" s="39" t="s">
        <v>60</v>
      </c>
      <c r="K303" s="39" t="s">
        <v>61</v>
      </c>
      <c r="L303" s="10" t="s">
        <v>85</v>
      </c>
      <c r="M303" s="39" t="s">
        <v>1060</v>
      </c>
      <c r="N303" s="5"/>
    </row>
    <row r="304" spans="1:14" ht="129.6" x14ac:dyDescent="0.2">
      <c r="A304" s="11" t="s">
        <v>3</v>
      </c>
      <c r="B304" s="11" t="s">
        <v>501</v>
      </c>
      <c r="C304" s="20" t="s">
        <v>55</v>
      </c>
      <c r="D304" s="11" t="s">
        <v>502</v>
      </c>
      <c r="E304" s="69">
        <v>45976</v>
      </c>
      <c r="F304" s="69">
        <v>45976</v>
      </c>
      <c r="G304" s="50" t="s">
        <v>439</v>
      </c>
      <c r="H304" s="50" t="s">
        <v>440</v>
      </c>
      <c r="I304" s="49" t="s">
        <v>441</v>
      </c>
      <c r="J304" s="50" t="s">
        <v>457</v>
      </c>
      <c r="K304" s="50" t="s">
        <v>61</v>
      </c>
      <c r="L304" s="70" t="s">
        <v>62</v>
      </c>
      <c r="M304" s="50" t="s">
        <v>443</v>
      </c>
      <c r="N304" s="2" t="s">
        <v>503</v>
      </c>
    </row>
    <row r="305" spans="1:14" ht="71.400000000000006" customHeight="1" x14ac:dyDescent="0.2">
      <c r="A305" s="4" t="s">
        <v>1054</v>
      </c>
      <c r="B305" s="96" t="s">
        <v>1061</v>
      </c>
      <c r="C305" s="6" t="s">
        <v>99</v>
      </c>
      <c r="D305" s="4" t="s">
        <v>1062</v>
      </c>
      <c r="E305" s="9">
        <v>45976</v>
      </c>
      <c r="F305" s="9">
        <v>45976</v>
      </c>
      <c r="G305" s="39" t="s">
        <v>1063</v>
      </c>
      <c r="H305" s="39" t="s">
        <v>1058</v>
      </c>
      <c r="I305" s="39" t="s">
        <v>1059</v>
      </c>
      <c r="J305" s="39" t="s">
        <v>60</v>
      </c>
      <c r="K305" s="39" t="s">
        <v>61</v>
      </c>
      <c r="L305" s="10" t="s">
        <v>85</v>
      </c>
      <c r="M305" s="39" t="s">
        <v>1060</v>
      </c>
      <c r="N305" s="5"/>
    </row>
    <row r="306" spans="1:14" ht="71.400000000000006" customHeight="1" x14ac:dyDescent="0.2">
      <c r="A306" s="11" t="s">
        <v>3</v>
      </c>
      <c r="B306" s="11" t="s">
        <v>504</v>
      </c>
      <c r="C306" s="20" t="s">
        <v>55</v>
      </c>
      <c r="D306" s="11" t="s">
        <v>497</v>
      </c>
      <c r="E306" s="69">
        <v>45977</v>
      </c>
      <c r="F306" s="69">
        <v>45977</v>
      </c>
      <c r="G306" s="50" t="s">
        <v>505</v>
      </c>
      <c r="H306" s="50" t="s">
        <v>472</v>
      </c>
      <c r="I306" s="49" t="s">
        <v>441</v>
      </c>
      <c r="J306" s="50" t="s">
        <v>499</v>
      </c>
      <c r="K306" s="50" t="s">
        <v>70</v>
      </c>
      <c r="L306" s="70" t="s">
        <v>62</v>
      </c>
      <c r="M306" s="50" t="s">
        <v>443</v>
      </c>
      <c r="N306" s="2" t="s">
        <v>506</v>
      </c>
    </row>
    <row r="307" spans="1:14" ht="113.4" customHeight="1" x14ac:dyDescent="0.2">
      <c r="A307" s="4" t="s">
        <v>1054</v>
      </c>
      <c r="B307" s="95" t="s">
        <v>1064</v>
      </c>
      <c r="C307" s="6" t="s">
        <v>99</v>
      </c>
      <c r="D307" s="4" t="s">
        <v>1065</v>
      </c>
      <c r="E307" s="9">
        <v>45977</v>
      </c>
      <c r="F307" s="9">
        <v>45977</v>
      </c>
      <c r="G307" s="39" t="s">
        <v>1063</v>
      </c>
      <c r="H307" s="39" t="s">
        <v>1058</v>
      </c>
      <c r="I307" s="39" t="s">
        <v>1059</v>
      </c>
      <c r="J307" s="39" t="s">
        <v>60</v>
      </c>
      <c r="K307" s="39" t="s">
        <v>61</v>
      </c>
      <c r="L307" s="10" t="s">
        <v>85</v>
      </c>
      <c r="M307" s="39" t="s">
        <v>1060</v>
      </c>
      <c r="N307" s="5"/>
    </row>
    <row r="308" spans="1:14" ht="113.4" customHeight="1" x14ac:dyDescent="0.2">
      <c r="A308" s="14" t="s">
        <v>3</v>
      </c>
      <c r="B308" s="31" t="s">
        <v>1864</v>
      </c>
      <c r="C308" s="15" t="s">
        <v>600</v>
      </c>
      <c r="D308" s="31" t="s">
        <v>1865</v>
      </c>
      <c r="E308" s="40" t="s">
        <v>1866</v>
      </c>
      <c r="F308" s="40" t="s">
        <v>1866</v>
      </c>
      <c r="G308" s="13" t="s">
        <v>1861</v>
      </c>
      <c r="H308" s="13" t="s">
        <v>1855</v>
      </c>
      <c r="I308" s="13" t="s">
        <v>1856</v>
      </c>
      <c r="J308" s="13" t="s">
        <v>554</v>
      </c>
      <c r="K308" s="13" t="s">
        <v>61</v>
      </c>
      <c r="L308" s="17" t="s">
        <v>85</v>
      </c>
      <c r="M308" s="13" t="s">
        <v>1857</v>
      </c>
      <c r="N308" s="58" t="s">
        <v>1858</v>
      </c>
    </row>
    <row r="309" spans="1:14" ht="113.4" customHeight="1" x14ac:dyDescent="0.2">
      <c r="A309" s="14" t="s">
        <v>3</v>
      </c>
      <c r="B309" s="14" t="s">
        <v>1851</v>
      </c>
      <c r="C309" s="15" t="s">
        <v>99</v>
      </c>
      <c r="D309" s="14" t="s">
        <v>1852</v>
      </c>
      <c r="E309" s="38" t="s">
        <v>1853</v>
      </c>
      <c r="F309" s="38" t="s">
        <v>1853</v>
      </c>
      <c r="G309" s="13" t="s">
        <v>1854</v>
      </c>
      <c r="H309" s="13" t="s">
        <v>1855</v>
      </c>
      <c r="I309" s="13" t="s">
        <v>1856</v>
      </c>
      <c r="J309" s="13" t="s">
        <v>115</v>
      </c>
      <c r="K309" s="13" t="s">
        <v>61</v>
      </c>
      <c r="L309" s="17" t="s">
        <v>85</v>
      </c>
      <c r="M309" s="13" t="s">
        <v>1857</v>
      </c>
      <c r="N309" s="58" t="s">
        <v>1858</v>
      </c>
    </row>
    <row r="310" spans="1:14" ht="81" x14ac:dyDescent="0.2">
      <c r="A310" s="14" t="s">
        <v>3</v>
      </c>
      <c r="B310" s="31" t="s">
        <v>1859</v>
      </c>
      <c r="C310" s="15" t="s">
        <v>600</v>
      </c>
      <c r="D310" s="31" t="s">
        <v>1860</v>
      </c>
      <c r="E310" s="38" t="s">
        <v>1853</v>
      </c>
      <c r="F310" s="38" t="s">
        <v>1853</v>
      </c>
      <c r="G310" s="13" t="s">
        <v>1861</v>
      </c>
      <c r="H310" s="13" t="s">
        <v>1855</v>
      </c>
      <c r="I310" s="13" t="s">
        <v>1856</v>
      </c>
      <c r="J310" s="13" t="s">
        <v>554</v>
      </c>
      <c r="K310" s="13" t="s">
        <v>61</v>
      </c>
      <c r="L310" s="17" t="s">
        <v>85</v>
      </c>
      <c r="M310" s="13" t="s">
        <v>1857</v>
      </c>
      <c r="N310" s="58" t="s">
        <v>1858</v>
      </c>
    </row>
    <row r="311" spans="1:14" ht="39.6" x14ac:dyDescent="0.2">
      <c r="A311" s="11" t="s">
        <v>4</v>
      </c>
      <c r="B311" s="11" t="s">
        <v>1028</v>
      </c>
      <c r="C311" s="20" t="s">
        <v>55</v>
      </c>
      <c r="D311" s="11" t="s">
        <v>1066</v>
      </c>
      <c r="E311" s="69">
        <v>45934</v>
      </c>
      <c r="F311" s="69">
        <v>45935</v>
      </c>
      <c r="G311" s="50" t="s">
        <v>1067</v>
      </c>
      <c r="H311" s="50" t="s">
        <v>1068</v>
      </c>
      <c r="I311" s="49" t="s">
        <v>1069</v>
      </c>
      <c r="J311" s="50" t="s">
        <v>1070</v>
      </c>
      <c r="K311" s="50" t="s">
        <v>61</v>
      </c>
      <c r="L311" s="70" t="s">
        <v>62</v>
      </c>
      <c r="M311" s="50" t="s">
        <v>1071</v>
      </c>
      <c r="N311" s="5"/>
    </row>
    <row r="312" spans="1:14" ht="52.8" x14ac:dyDescent="0.2">
      <c r="A312" s="11" t="s">
        <v>4</v>
      </c>
      <c r="B312" s="11" t="s">
        <v>1072</v>
      </c>
      <c r="C312" s="20" t="s">
        <v>55</v>
      </c>
      <c r="D312" s="11" t="s">
        <v>1073</v>
      </c>
      <c r="E312" s="69">
        <v>45949</v>
      </c>
      <c r="F312" s="69">
        <v>45949</v>
      </c>
      <c r="G312" s="50" t="s">
        <v>1069</v>
      </c>
      <c r="H312" s="50" t="s">
        <v>1068</v>
      </c>
      <c r="I312" s="50" t="s">
        <v>1069</v>
      </c>
      <c r="J312" s="50" t="s">
        <v>1074</v>
      </c>
      <c r="K312" s="50" t="s">
        <v>70</v>
      </c>
      <c r="L312" s="70" t="s">
        <v>62</v>
      </c>
      <c r="M312" s="50" t="s">
        <v>1071</v>
      </c>
      <c r="N312" s="5"/>
    </row>
    <row r="313" spans="1:14" ht="39.6" x14ac:dyDescent="0.2">
      <c r="A313" s="11" t="s">
        <v>4</v>
      </c>
      <c r="B313" s="11" t="s">
        <v>1075</v>
      </c>
      <c r="C313" s="20" t="s">
        <v>55</v>
      </c>
      <c r="D313" s="11" t="s">
        <v>1076</v>
      </c>
      <c r="E313" s="69">
        <v>45949</v>
      </c>
      <c r="F313" s="69">
        <v>45949</v>
      </c>
      <c r="G313" s="50" t="s">
        <v>1077</v>
      </c>
      <c r="H313" s="50" t="s">
        <v>1078</v>
      </c>
      <c r="I313" s="50" t="s">
        <v>1069</v>
      </c>
      <c r="J313" s="50" t="s">
        <v>1079</v>
      </c>
      <c r="K313" s="50" t="s">
        <v>61</v>
      </c>
      <c r="L313" s="70" t="s">
        <v>62</v>
      </c>
      <c r="M313" s="50" t="s">
        <v>1071</v>
      </c>
      <c r="N313" s="5"/>
    </row>
    <row r="314" spans="1:14" ht="52.8" x14ac:dyDescent="0.2">
      <c r="A314" s="11" t="s">
        <v>1080</v>
      </c>
      <c r="B314" s="11" t="s">
        <v>1081</v>
      </c>
      <c r="C314" s="20" t="s">
        <v>55</v>
      </c>
      <c r="D314" s="11" t="s">
        <v>1082</v>
      </c>
      <c r="E314" s="69">
        <v>45956</v>
      </c>
      <c r="F314" s="69">
        <v>45956</v>
      </c>
      <c r="G314" s="50" t="s">
        <v>1069</v>
      </c>
      <c r="H314" s="50" t="s">
        <v>1068</v>
      </c>
      <c r="I314" s="50" t="s">
        <v>1069</v>
      </c>
      <c r="J314" s="50" t="s">
        <v>1083</v>
      </c>
      <c r="K314" s="50" t="s">
        <v>70</v>
      </c>
      <c r="L314" s="70" t="s">
        <v>62</v>
      </c>
      <c r="M314" s="50" t="s">
        <v>1071</v>
      </c>
      <c r="N314" s="5"/>
    </row>
    <row r="315" spans="1:14" ht="97.2" x14ac:dyDescent="0.2">
      <c r="A315" s="14" t="s">
        <v>4</v>
      </c>
      <c r="B315" s="14" t="s">
        <v>1867</v>
      </c>
      <c r="C315" s="15" t="s">
        <v>600</v>
      </c>
      <c r="D315" s="14" t="s">
        <v>1868</v>
      </c>
      <c r="E315" s="38" t="s">
        <v>1869</v>
      </c>
      <c r="F315" s="38" t="s">
        <v>1869</v>
      </c>
      <c r="G315" s="13" t="s">
        <v>1870</v>
      </c>
      <c r="H315" s="13" t="s">
        <v>1871</v>
      </c>
      <c r="I315" s="13" t="s">
        <v>1872</v>
      </c>
      <c r="J315" s="13" t="s">
        <v>1873</v>
      </c>
      <c r="K315" s="13" t="s">
        <v>70</v>
      </c>
      <c r="L315" s="17" t="s">
        <v>62</v>
      </c>
      <c r="M315" s="13" t="s">
        <v>1874</v>
      </c>
      <c r="N315" s="2" t="s">
        <v>1875</v>
      </c>
    </row>
    <row r="316" spans="1:14" ht="145.80000000000001" x14ac:dyDescent="0.2">
      <c r="A316" s="11" t="s">
        <v>5</v>
      </c>
      <c r="B316" s="11" t="s">
        <v>1876</v>
      </c>
      <c r="C316" s="20" t="s">
        <v>600</v>
      </c>
      <c r="D316" s="11" t="s">
        <v>1877</v>
      </c>
      <c r="E316" s="69">
        <v>45921</v>
      </c>
      <c r="F316" s="69">
        <v>45921</v>
      </c>
      <c r="G316" s="50" t="s">
        <v>1879</v>
      </c>
      <c r="H316" s="50" t="s">
        <v>1880</v>
      </c>
      <c r="I316" s="49" t="s">
        <v>1797</v>
      </c>
      <c r="J316" s="50" t="s">
        <v>1881</v>
      </c>
      <c r="K316" s="50" t="s">
        <v>61</v>
      </c>
      <c r="L316" s="70" t="s">
        <v>62</v>
      </c>
      <c r="M316" s="50" t="s">
        <v>1799</v>
      </c>
      <c r="N316" s="2" t="s">
        <v>1882</v>
      </c>
    </row>
    <row r="317" spans="1:14" ht="145.80000000000001" x14ac:dyDescent="0.2">
      <c r="A317" s="11" t="s">
        <v>5</v>
      </c>
      <c r="B317" s="11" t="s">
        <v>1876</v>
      </c>
      <c r="C317" s="20" t="s">
        <v>600</v>
      </c>
      <c r="D317" s="11" t="s">
        <v>1878</v>
      </c>
      <c r="E317" s="69">
        <v>45941</v>
      </c>
      <c r="F317" s="69">
        <v>45941</v>
      </c>
      <c r="G317" s="50" t="s">
        <v>1879</v>
      </c>
      <c r="H317" s="50" t="s">
        <v>1880</v>
      </c>
      <c r="I317" s="50" t="s">
        <v>1797</v>
      </c>
      <c r="J317" s="50" t="s">
        <v>1881</v>
      </c>
      <c r="K317" s="50" t="s">
        <v>61</v>
      </c>
      <c r="L317" s="70" t="s">
        <v>62</v>
      </c>
      <c r="M317" s="50" t="s">
        <v>1799</v>
      </c>
      <c r="N317" s="2" t="s">
        <v>1882</v>
      </c>
    </row>
    <row r="318" spans="1:14" ht="129.6" x14ac:dyDescent="0.2">
      <c r="A318" s="11" t="s">
        <v>5</v>
      </c>
      <c r="B318" s="11" t="s">
        <v>1084</v>
      </c>
      <c r="C318" s="20" t="s">
        <v>99</v>
      </c>
      <c r="D318" s="11" t="s">
        <v>1085</v>
      </c>
      <c r="E318" s="69">
        <v>45948</v>
      </c>
      <c r="F318" s="69">
        <v>46005</v>
      </c>
      <c r="G318" s="50" t="s">
        <v>1086</v>
      </c>
      <c r="H318" s="50" t="s">
        <v>1087</v>
      </c>
      <c r="I318" s="49" t="s">
        <v>1088</v>
      </c>
      <c r="J318" s="50" t="s">
        <v>554</v>
      </c>
      <c r="K318" s="50" t="s">
        <v>577</v>
      </c>
      <c r="L318" s="70" t="s">
        <v>85</v>
      </c>
      <c r="M318" s="50" t="s">
        <v>1089</v>
      </c>
      <c r="N318" s="199" t="s">
        <v>1090</v>
      </c>
    </row>
    <row r="319" spans="1:14" ht="81" x14ac:dyDescent="0.2">
      <c r="A319" s="4" t="s">
        <v>6</v>
      </c>
      <c r="B319" s="4" t="s">
        <v>1091</v>
      </c>
      <c r="C319" s="6" t="s">
        <v>55</v>
      </c>
      <c r="D319" s="4" t="s">
        <v>1092</v>
      </c>
      <c r="E319" s="9">
        <v>45927</v>
      </c>
      <c r="F319" s="9">
        <v>45927</v>
      </c>
      <c r="G319" s="39" t="s">
        <v>1093</v>
      </c>
      <c r="H319" s="39" t="s">
        <v>1094</v>
      </c>
      <c r="I319" s="39" t="s">
        <v>1095</v>
      </c>
      <c r="J319" s="39" t="s">
        <v>1096</v>
      </c>
      <c r="K319" s="39" t="s">
        <v>70</v>
      </c>
      <c r="L319" s="10" t="s">
        <v>62</v>
      </c>
      <c r="M319" s="39" t="s">
        <v>1097</v>
      </c>
      <c r="N319" s="2" t="s">
        <v>1098</v>
      </c>
    </row>
    <row r="320" spans="1:14" ht="81" x14ac:dyDescent="0.2">
      <c r="A320" s="4" t="s">
        <v>6</v>
      </c>
      <c r="B320" s="4" t="s">
        <v>1099</v>
      </c>
      <c r="C320" s="6" t="s">
        <v>55</v>
      </c>
      <c r="D320" s="4" t="s">
        <v>1100</v>
      </c>
      <c r="E320" s="9">
        <v>45955</v>
      </c>
      <c r="F320" s="9">
        <v>45955</v>
      </c>
      <c r="G320" s="39" t="s">
        <v>1093</v>
      </c>
      <c r="H320" s="39" t="s">
        <v>1094</v>
      </c>
      <c r="I320" s="39" t="s">
        <v>1095</v>
      </c>
      <c r="J320" s="39" t="s">
        <v>1096</v>
      </c>
      <c r="K320" s="39" t="s">
        <v>70</v>
      </c>
      <c r="L320" s="10" t="s">
        <v>62</v>
      </c>
      <c r="M320" s="39" t="s">
        <v>1097</v>
      </c>
      <c r="N320" s="2" t="s">
        <v>1098</v>
      </c>
    </row>
    <row r="321" spans="1:14" ht="97.2" x14ac:dyDescent="0.2">
      <c r="A321" s="11" t="s">
        <v>7</v>
      </c>
      <c r="B321" s="11" t="s">
        <v>175</v>
      </c>
      <c r="C321" s="20" t="s">
        <v>176</v>
      </c>
      <c r="D321" s="11" t="s">
        <v>177</v>
      </c>
      <c r="E321" s="69">
        <v>45920</v>
      </c>
      <c r="F321" s="69">
        <v>45990</v>
      </c>
      <c r="G321" s="50" t="s">
        <v>178</v>
      </c>
      <c r="H321" s="50" t="s">
        <v>173</v>
      </c>
      <c r="I321" s="49" t="s">
        <v>179</v>
      </c>
      <c r="J321" s="50" t="s">
        <v>180</v>
      </c>
      <c r="K321" s="50" t="s">
        <v>61</v>
      </c>
      <c r="L321" s="70" t="s">
        <v>62</v>
      </c>
      <c r="M321" s="50" t="s">
        <v>181</v>
      </c>
      <c r="N321" s="2" t="s">
        <v>182</v>
      </c>
    </row>
    <row r="322" spans="1:14" ht="97.2" x14ac:dyDescent="0.2">
      <c r="A322" s="11" t="s">
        <v>7</v>
      </c>
      <c r="B322" s="11" t="s">
        <v>1888</v>
      </c>
      <c r="C322" s="20" t="s">
        <v>89</v>
      </c>
      <c r="D322" s="11" t="s">
        <v>1889</v>
      </c>
      <c r="E322" s="71">
        <v>45941</v>
      </c>
      <c r="F322" s="71">
        <v>45941</v>
      </c>
      <c r="G322" s="50" t="s">
        <v>1885</v>
      </c>
      <c r="H322" s="50" t="s">
        <v>173</v>
      </c>
      <c r="I322" s="50" t="s">
        <v>1553</v>
      </c>
      <c r="J322" s="50" t="s">
        <v>1890</v>
      </c>
      <c r="K322" s="50" t="s">
        <v>61</v>
      </c>
      <c r="L322" s="70" t="s">
        <v>62</v>
      </c>
      <c r="M322" s="50" t="s">
        <v>1555</v>
      </c>
      <c r="N322" s="2" t="s">
        <v>1556</v>
      </c>
    </row>
    <row r="323" spans="1:14" ht="97.2" x14ac:dyDescent="0.2">
      <c r="A323" s="11" t="s">
        <v>7</v>
      </c>
      <c r="B323" s="11" t="s">
        <v>1883</v>
      </c>
      <c r="C323" s="20" t="s">
        <v>89</v>
      </c>
      <c r="D323" s="11" t="s">
        <v>1884</v>
      </c>
      <c r="E323" s="69">
        <v>45948</v>
      </c>
      <c r="F323" s="69">
        <v>45948</v>
      </c>
      <c r="G323" s="50" t="s">
        <v>1885</v>
      </c>
      <c r="H323" s="50" t="s">
        <v>173</v>
      </c>
      <c r="I323" s="50" t="s">
        <v>1553</v>
      </c>
      <c r="J323" s="50" t="s">
        <v>1886</v>
      </c>
      <c r="K323" s="50" t="s">
        <v>61</v>
      </c>
      <c r="L323" s="70" t="s">
        <v>62</v>
      </c>
      <c r="M323" s="50" t="s">
        <v>1555</v>
      </c>
      <c r="N323" s="2" t="s">
        <v>1556</v>
      </c>
    </row>
    <row r="324" spans="1:14" ht="97.2" x14ac:dyDescent="0.2">
      <c r="A324" s="11" t="s">
        <v>7</v>
      </c>
      <c r="B324" s="11" t="s">
        <v>1887</v>
      </c>
      <c r="C324" s="20" t="s">
        <v>89</v>
      </c>
      <c r="D324" s="11" t="s">
        <v>1884</v>
      </c>
      <c r="E324" s="69">
        <v>45948</v>
      </c>
      <c r="F324" s="69">
        <v>45948</v>
      </c>
      <c r="G324" s="50" t="s">
        <v>1885</v>
      </c>
      <c r="H324" s="50" t="s">
        <v>173</v>
      </c>
      <c r="I324" s="50" t="s">
        <v>1553</v>
      </c>
      <c r="J324" s="50" t="s">
        <v>1886</v>
      </c>
      <c r="K324" s="50" t="s">
        <v>61</v>
      </c>
      <c r="L324" s="70" t="s">
        <v>62</v>
      </c>
      <c r="M324" s="50" t="s">
        <v>1555</v>
      </c>
      <c r="N324" s="2" t="s">
        <v>1556</v>
      </c>
    </row>
    <row r="325" spans="1:14" ht="97.2" x14ac:dyDescent="0.2">
      <c r="A325" s="14" t="s">
        <v>7</v>
      </c>
      <c r="B325" s="31" t="s">
        <v>1903</v>
      </c>
      <c r="C325" s="15" t="s">
        <v>600</v>
      </c>
      <c r="D325" s="14" t="s">
        <v>1904</v>
      </c>
      <c r="E325" s="33">
        <v>45969</v>
      </c>
      <c r="F325" s="33">
        <v>45969</v>
      </c>
      <c r="G325" s="13" t="s">
        <v>1894</v>
      </c>
      <c r="H325" s="13" t="s">
        <v>1895</v>
      </c>
      <c r="I325" s="13" t="s">
        <v>1896</v>
      </c>
      <c r="J325" s="13" t="s">
        <v>1905</v>
      </c>
      <c r="K325" s="13" t="s">
        <v>70</v>
      </c>
      <c r="L325" s="17" t="s">
        <v>62</v>
      </c>
      <c r="M325" s="13" t="s">
        <v>1897</v>
      </c>
      <c r="N325" s="2" t="s">
        <v>1902</v>
      </c>
    </row>
    <row r="326" spans="1:14" ht="97.2" x14ac:dyDescent="0.2">
      <c r="A326" s="14" t="s">
        <v>7</v>
      </c>
      <c r="B326" s="31" t="s">
        <v>1891</v>
      </c>
      <c r="C326" s="15" t="s">
        <v>600</v>
      </c>
      <c r="D326" s="14" t="s">
        <v>1892</v>
      </c>
      <c r="E326" s="38" t="s">
        <v>1893</v>
      </c>
      <c r="F326" s="38" t="s">
        <v>1893</v>
      </c>
      <c r="G326" s="13" t="s">
        <v>1894</v>
      </c>
      <c r="H326" s="13" t="s">
        <v>1895</v>
      </c>
      <c r="I326" s="13" t="s">
        <v>1896</v>
      </c>
      <c r="J326" s="13" t="s">
        <v>1045</v>
      </c>
      <c r="K326" s="13" t="s">
        <v>70</v>
      </c>
      <c r="L326" s="17" t="s">
        <v>62</v>
      </c>
      <c r="M326" s="13" t="s">
        <v>1897</v>
      </c>
      <c r="N326" s="2" t="s">
        <v>1898</v>
      </c>
    </row>
    <row r="327" spans="1:14" ht="97.2" x14ac:dyDescent="0.2">
      <c r="A327" s="14" t="s">
        <v>7</v>
      </c>
      <c r="B327" s="31" t="s">
        <v>1899</v>
      </c>
      <c r="C327" s="15" t="s">
        <v>600</v>
      </c>
      <c r="D327" s="14" t="s">
        <v>1900</v>
      </c>
      <c r="E327" s="38" t="s">
        <v>1901</v>
      </c>
      <c r="F327" s="38" t="s">
        <v>1901</v>
      </c>
      <c r="G327" s="13" t="s">
        <v>1894</v>
      </c>
      <c r="H327" s="13" t="s">
        <v>1895</v>
      </c>
      <c r="I327" s="13" t="s">
        <v>1896</v>
      </c>
      <c r="J327" s="13" t="s">
        <v>1045</v>
      </c>
      <c r="K327" s="13" t="s">
        <v>70</v>
      </c>
      <c r="L327" s="17" t="s">
        <v>85</v>
      </c>
      <c r="M327" s="13" t="s">
        <v>1897</v>
      </c>
      <c r="N327" s="2" t="s">
        <v>1902</v>
      </c>
    </row>
    <row r="328" spans="1:14" ht="194.4" x14ac:dyDescent="0.2">
      <c r="A328" s="11" t="s">
        <v>8</v>
      </c>
      <c r="B328" s="11" t="s">
        <v>1108</v>
      </c>
      <c r="C328" s="20" t="s">
        <v>55</v>
      </c>
      <c r="D328" s="11" t="s">
        <v>1109</v>
      </c>
      <c r="E328" s="69">
        <v>45913</v>
      </c>
      <c r="F328" s="69">
        <v>45923</v>
      </c>
      <c r="G328" s="50" t="s">
        <v>1110</v>
      </c>
      <c r="H328" s="50" t="s">
        <v>1111</v>
      </c>
      <c r="I328" s="49" t="s">
        <v>1101</v>
      </c>
      <c r="J328" s="50" t="s">
        <v>1045</v>
      </c>
      <c r="K328" s="50" t="s">
        <v>981</v>
      </c>
      <c r="L328" s="70" t="s">
        <v>85</v>
      </c>
      <c r="M328" s="50" t="s">
        <v>1112</v>
      </c>
      <c r="N328" s="2" t="s">
        <v>1113</v>
      </c>
    </row>
    <row r="329" spans="1:14" ht="79.2" x14ac:dyDescent="0.2">
      <c r="A329" s="11" t="s">
        <v>8</v>
      </c>
      <c r="B329" s="11" t="s">
        <v>1793</v>
      </c>
      <c r="C329" s="20" t="s">
        <v>600</v>
      </c>
      <c r="D329" s="11" t="s">
        <v>1794</v>
      </c>
      <c r="E329" s="69">
        <v>45923</v>
      </c>
      <c r="F329" s="69">
        <v>45923</v>
      </c>
      <c r="G329" s="50" t="s">
        <v>1906</v>
      </c>
      <c r="H329" s="50" t="s">
        <v>1907</v>
      </c>
      <c r="I329" s="50" t="s">
        <v>1797</v>
      </c>
      <c r="J329" s="50" t="s">
        <v>1798</v>
      </c>
      <c r="K329" s="50" t="s">
        <v>61</v>
      </c>
      <c r="L329" s="70" t="s">
        <v>85</v>
      </c>
      <c r="M329" s="50" t="s">
        <v>1799</v>
      </c>
      <c r="N329" s="5"/>
    </row>
    <row r="330" spans="1:14" ht="97.2" x14ac:dyDescent="0.2">
      <c r="A330" s="11" t="s">
        <v>8</v>
      </c>
      <c r="B330" s="11" t="s">
        <v>1908</v>
      </c>
      <c r="C330" s="20" t="s">
        <v>89</v>
      </c>
      <c r="D330" s="11" t="s">
        <v>1909</v>
      </c>
      <c r="E330" s="69">
        <v>45934</v>
      </c>
      <c r="F330" s="69">
        <v>45934</v>
      </c>
      <c r="G330" s="50" t="s">
        <v>1910</v>
      </c>
      <c r="H330" s="50" t="s">
        <v>1911</v>
      </c>
      <c r="I330" s="50" t="s">
        <v>1553</v>
      </c>
      <c r="J330" s="50" t="s">
        <v>1886</v>
      </c>
      <c r="K330" s="50" t="s">
        <v>70</v>
      </c>
      <c r="L330" s="70" t="s">
        <v>62</v>
      </c>
      <c r="M330" s="50" t="s">
        <v>1555</v>
      </c>
      <c r="N330" s="2" t="s">
        <v>1556</v>
      </c>
    </row>
    <row r="331" spans="1:14" ht="194.4" x14ac:dyDescent="0.2">
      <c r="A331" s="11" t="s">
        <v>1114</v>
      </c>
      <c r="B331" s="11" t="s">
        <v>1115</v>
      </c>
      <c r="C331" s="20" t="s">
        <v>55</v>
      </c>
      <c r="D331" s="11" t="s">
        <v>1116</v>
      </c>
      <c r="E331" s="69">
        <v>45934</v>
      </c>
      <c r="F331" s="69">
        <v>45977</v>
      </c>
      <c r="G331" s="50" t="s">
        <v>1117</v>
      </c>
      <c r="H331" s="50" t="s">
        <v>1118</v>
      </c>
      <c r="I331" s="50" t="s">
        <v>1101</v>
      </c>
      <c r="J331" s="50" t="s">
        <v>1045</v>
      </c>
      <c r="K331" s="50" t="s">
        <v>981</v>
      </c>
      <c r="L331" s="70" t="s">
        <v>116</v>
      </c>
      <c r="M331" s="50" t="s">
        <v>1112</v>
      </c>
      <c r="N331" s="2" t="s">
        <v>1113</v>
      </c>
    </row>
    <row r="332" spans="1:14" ht="97.2" x14ac:dyDescent="0.2">
      <c r="A332" s="11" t="s">
        <v>8</v>
      </c>
      <c r="B332" s="11" t="s">
        <v>1912</v>
      </c>
      <c r="C332" s="20" t="s">
        <v>89</v>
      </c>
      <c r="D332" s="11" t="s">
        <v>1909</v>
      </c>
      <c r="E332" s="69">
        <v>45935</v>
      </c>
      <c r="F332" s="69">
        <v>45935</v>
      </c>
      <c r="G332" s="50" t="s">
        <v>1910</v>
      </c>
      <c r="H332" s="50" t="s">
        <v>1911</v>
      </c>
      <c r="I332" s="50" t="s">
        <v>1553</v>
      </c>
      <c r="J332" s="50" t="s">
        <v>1886</v>
      </c>
      <c r="K332" s="50" t="s">
        <v>70</v>
      </c>
      <c r="L332" s="70" t="s">
        <v>62</v>
      </c>
      <c r="M332" s="50" t="s">
        <v>1555</v>
      </c>
      <c r="N332" s="2" t="s">
        <v>1556</v>
      </c>
    </row>
    <row r="333" spans="1:14" ht="178.2" x14ac:dyDescent="0.2">
      <c r="A333" s="11" t="s">
        <v>1101</v>
      </c>
      <c r="B333" s="11" t="s">
        <v>1102</v>
      </c>
      <c r="C333" s="20" t="s">
        <v>99</v>
      </c>
      <c r="D333" s="11" t="s">
        <v>1103</v>
      </c>
      <c r="E333" s="36">
        <v>45945</v>
      </c>
      <c r="F333" s="69">
        <v>45964</v>
      </c>
      <c r="G333" s="50" t="s">
        <v>1104</v>
      </c>
      <c r="H333" s="50" t="s">
        <v>1105</v>
      </c>
      <c r="I333" s="49" t="s">
        <v>1106</v>
      </c>
      <c r="J333" s="50" t="s">
        <v>115</v>
      </c>
      <c r="K333" s="50" t="s">
        <v>61</v>
      </c>
      <c r="L333" s="70" t="s">
        <v>85</v>
      </c>
      <c r="M333" s="50" t="s">
        <v>1106</v>
      </c>
      <c r="N333" s="2" t="s">
        <v>1107</v>
      </c>
    </row>
    <row r="334" spans="1:14" ht="194.4" x14ac:dyDescent="0.2">
      <c r="A334" s="11" t="s">
        <v>1114</v>
      </c>
      <c r="B334" s="11" t="s">
        <v>1119</v>
      </c>
      <c r="C334" s="20" t="s">
        <v>55</v>
      </c>
      <c r="D334" s="11" t="s">
        <v>1120</v>
      </c>
      <c r="E334" s="69">
        <v>45962</v>
      </c>
      <c r="F334" s="69">
        <v>45962</v>
      </c>
      <c r="G334" s="50" t="s">
        <v>1121</v>
      </c>
      <c r="H334" s="50" t="s">
        <v>1111</v>
      </c>
      <c r="I334" s="50" t="s">
        <v>1101</v>
      </c>
      <c r="J334" s="50" t="s">
        <v>1045</v>
      </c>
      <c r="K334" s="50" t="s">
        <v>981</v>
      </c>
      <c r="L334" s="70" t="s">
        <v>62</v>
      </c>
      <c r="M334" s="50" t="s">
        <v>1112</v>
      </c>
      <c r="N334" s="2" t="s">
        <v>1113</v>
      </c>
    </row>
    <row r="335" spans="1:14" ht="66" x14ac:dyDescent="0.2">
      <c r="A335" s="14" t="s">
        <v>9</v>
      </c>
      <c r="B335" s="14" t="s">
        <v>1913</v>
      </c>
      <c r="C335" s="15" t="s">
        <v>55</v>
      </c>
      <c r="D335" s="14" t="s">
        <v>1914</v>
      </c>
      <c r="E335" s="33">
        <v>45956</v>
      </c>
      <c r="F335" s="33">
        <v>45956</v>
      </c>
      <c r="G335" s="13" t="s">
        <v>1915</v>
      </c>
      <c r="H335" s="13" t="s">
        <v>1916</v>
      </c>
      <c r="I335" s="13" t="s">
        <v>1917</v>
      </c>
      <c r="J335" s="13" t="s">
        <v>1045</v>
      </c>
      <c r="K335" s="13" t="s">
        <v>61</v>
      </c>
      <c r="L335" s="17" t="s">
        <v>62</v>
      </c>
      <c r="M335" s="13" t="s">
        <v>1918</v>
      </c>
      <c r="N335" s="195"/>
    </row>
    <row r="336" spans="1:14" ht="129" customHeight="1" x14ac:dyDescent="0.2">
      <c r="A336" s="14" t="s">
        <v>10</v>
      </c>
      <c r="B336" s="14" t="s">
        <v>1925</v>
      </c>
      <c r="C336" s="15" t="s">
        <v>600</v>
      </c>
      <c r="D336" s="14" t="s">
        <v>1926</v>
      </c>
      <c r="E336" s="33">
        <v>45945</v>
      </c>
      <c r="F336" s="33">
        <v>45945</v>
      </c>
      <c r="G336" s="13" t="s">
        <v>1921</v>
      </c>
      <c r="H336" s="13" t="s">
        <v>1922</v>
      </c>
      <c r="I336" s="13" t="s">
        <v>1672</v>
      </c>
      <c r="J336" s="13" t="s">
        <v>1222</v>
      </c>
      <c r="K336" s="13" t="s">
        <v>61</v>
      </c>
      <c r="L336" s="17" t="s">
        <v>85</v>
      </c>
      <c r="M336" s="13" t="s">
        <v>1923</v>
      </c>
      <c r="N336" s="2" t="s">
        <v>1924</v>
      </c>
    </row>
    <row r="337" spans="1:14" ht="190.2" customHeight="1" x14ac:dyDescent="0.2">
      <c r="A337" s="14" t="s">
        <v>10</v>
      </c>
      <c r="B337" s="14" t="s">
        <v>1931</v>
      </c>
      <c r="C337" s="15" t="s">
        <v>99</v>
      </c>
      <c r="D337" s="14" t="s">
        <v>1932</v>
      </c>
      <c r="E337" s="33">
        <v>45948</v>
      </c>
      <c r="F337" s="33">
        <v>45948</v>
      </c>
      <c r="G337" s="13" t="s">
        <v>1921</v>
      </c>
      <c r="H337" s="13" t="s">
        <v>1922</v>
      </c>
      <c r="I337" s="13" t="s">
        <v>1672</v>
      </c>
      <c r="J337" s="13" t="s">
        <v>1045</v>
      </c>
      <c r="K337" s="13" t="s">
        <v>981</v>
      </c>
      <c r="L337" s="17" t="s">
        <v>85</v>
      </c>
      <c r="M337" s="13" t="s">
        <v>1923</v>
      </c>
      <c r="N337" s="2" t="s">
        <v>1930</v>
      </c>
    </row>
    <row r="338" spans="1:14" ht="97.2" x14ac:dyDescent="0.2">
      <c r="A338" s="14" t="s">
        <v>10</v>
      </c>
      <c r="B338" s="14" t="s">
        <v>1927</v>
      </c>
      <c r="C338" s="15" t="s">
        <v>600</v>
      </c>
      <c r="D338" s="14" t="s">
        <v>1928</v>
      </c>
      <c r="E338" s="33">
        <v>45955</v>
      </c>
      <c r="F338" s="33">
        <v>45955</v>
      </c>
      <c r="G338" s="13" t="s">
        <v>1921</v>
      </c>
      <c r="H338" s="13" t="s">
        <v>1922</v>
      </c>
      <c r="I338" s="13" t="s">
        <v>1672</v>
      </c>
      <c r="J338" s="13" t="s">
        <v>1929</v>
      </c>
      <c r="K338" s="13" t="s">
        <v>70</v>
      </c>
      <c r="L338" s="17" t="s">
        <v>62</v>
      </c>
      <c r="M338" s="13" t="s">
        <v>1923</v>
      </c>
      <c r="N338" s="2" t="s">
        <v>1930</v>
      </c>
    </row>
    <row r="339" spans="1:14" ht="81.599999999999994" customHeight="1" x14ac:dyDescent="0.2">
      <c r="A339" s="14" t="s">
        <v>10</v>
      </c>
      <c r="B339" s="14" t="s">
        <v>1919</v>
      </c>
      <c r="C339" s="15" t="s">
        <v>55</v>
      </c>
      <c r="D339" s="14" t="s">
        <v>1920</v>
      </c>
      <c r="E339" s="33">
        <v>45969</v>
      </c>
      <c r="F339" s="33">
        <v>45969</v>
      </c>
      <c r="G339" s="13" t="s">
        <v>1921</v>
      </c>
      <c r="H339" s="13" t="s">
        <v>1922</v>
      </c>
      <c r="I339" s="13" t="s">
        <v>1672</v>
      </c>
      <c r="J339" s="13" t="s">
        <v>1222</v>
      </c>
      <c r="K339" s="13" t="s">
        <v>585</v>
      </c>
      <c r="L339" s="17" t="s">
        <v>62</v>
      </c>
      <c r="M339" s="13" t="s">
        <v>1923</v>
      </c>
      <c r="N339" s="2" t="s">
        <v>1924</v>
      </c>
    </row>
    <row r="340" spans="1:14" ht="81.599999999999994" customHeight="1" x14ac:dyDescent="0.2">
      <c r="A340" s="11" t="s">
        <v>11</v>
      </c>
      <c r="B340" s="11" t="s">
        <v>1190</v>
      </c>
      <c r="C340" s="11" t="s">
        <v>55</v>
      </c>
      <c r="D340" s="11" t="s">
        <v>1191</v>
      </c>
      <c r="E340" s="80">
        <v>45913</v>
      </c>
      <c r="F340" s="80">
        <v>46060</v>
      </c>
      <c r="G340" s="50" t="s">
        <v>1192</v>
      </c>
      <c r="H340" s="50" t="s">
        <v>1193</v>
      </c>
      <c r="I340" s="50" t="s">
        <v>1160</v>
      </c>
      <c r="J340" s="50" t="s">
        <v>1194</v>
      </c>
      <c r="K340" s="50" t="s">
        <v>70</v>
      </c>
      <c r="L340" s="50" t="s">
        <v>62</v>
      </c>
      <c r="M340" s="50" t="s">
        <v>1195</v>
      </c>
      <c r="N340" s="200"/>
    </row>
    <row r="341" spans="1:14" ht="81.599999999999994" customHeight="1" x14ac:dyDescent="0.2">
      <c r="A341" s="11" t="s">
        <v>11</v>
      </c>
      <c r="B341" s="11" t="s">
        <v>1211</v>
      </c>
      <c r="C341" s="11" t="s">
        <v>55</v>
      </c>
      <c r="D341" s="11" t="s">
        <v>1212</v>
      </c>
      <c r="E341" s="80">
        <v>45917</v>
      </c>
      <c r="F341" s="80">
        <v>45917</v>
      </c>
      <c r="G341" s="50" t="s">
        <v>1213</v>
      </c>
      <c r="H341" s="50" t="s">
        <v>1214</v>
      </c>
      <c r="I341" s="50" t="s">
        <v>1215</v>
      </c>
      <c r="J341" s="50" t="s">
        <v>60</v>
      </c>
      <c r="K341" s="50" t="s">
        <v>61</v>
      </c>
      <c r="L341" s="50" t="s">
        <v>62</v>
      </c>
      <c r="M341" s="50" t="s">
        <v>1216</v>
      </c>
      <c r="N341" s="200"/>
    </row>
    <row r="342" spans="1:14" ht="52.8" x14ac:dyDescent="0.2">
      <c r="A342" s="11" t="s">
        <v>11</v>
      </c>
      <c r="B342" s="11" t="s">
        <v>1122</v>
      </c>
      <c r="C342" s="20" t="s">
        <v>40</v>
      </c>
      <c r="D342" s="11" t="s">
        <v>1123</v>
      </c>
      <c r="E342" s="80">
        <v>45920</v>
      </c>
      <c r="F342" s="80">
        <v>45920</v>
      </c>
      <c r="G342" s="50" t="s">
        <v>1124</v>
      </c>
      <c r="H342" s="50" t="s">
        <v>1125</v>
      </c>
      <c r="I342" s="49" t="s">
        <v>1126</v>
      </c>
      <c r="J342" s="50" t="s">
        <v>1127</v>
      </c>
      <c r="K342" s="50" t="s">
        <v>61</v>
      </c>
      <c r="L342" s="70" t="s">
        <v>62</v>
      </c>
      <c r="M342" s="50" t="s">
        <v>1128</v>
      </c>
      <c r="N342" s="5"/>
    </row>
    <row r="343" spans="1:14" ht="79.2" x14ac:dyDescent="0.2">
      <c r="A343" s="11" t="s">
        <v>11</v>
      </c>
      <c r="B343" s="11" t="s">
        <v>1146</v>
      </c>
      <c r="C343" s="20" t="s">
        <v>55</v>
      </c>
      <c r="D343" s="11" t="s">
        <v>1147</v>
      </c>
      <c r="E343" s="80">
        <v>45927</v>
      </c>
      <c r="F343" s="80">
        <v>45927</v>
      </c>
      <c r="G343" s="50" t="s">
        <v>1148</v>
      </c>
      <c r="H343" s="50" t="s">
        <v>1149</v>
      </c>
      <c r="I343" s="50" t="s">
        <v>1150</v>
      </c>
      <c r="J343" s="50" t="s">
        <v>1151</v>
      </c>
      <c r="K343" s="50" t="s">
        <v>61</v>
      </c>
      <c r="L343" s="70" t="s">
        <v>62</v>
      </c>
      <c r="M343" s="50" t="s">
        <v>1152</v>
      </c>
      <c r="N343" s="5"/>
    </row>
    <row r="344" spans="1:14" ht="52.8" x14ac:dyDescent="0.2">
      <c r="A344" s="11" t="s">
        <v>11</v>
      </c>
      <c r="B344" s="11" t="s">
        <v>1158</v>
      </c>
      <c r="C344" s="20" t="s">
        <v>99</v>
      </c>
      <c r="D344" s="11" t="s">
        <v>1159</v>
      </c>
      <c r="E344" s="80">
        <v>45927</v>
      </c>
      <c r="F344" s="80">
        <v>45927</v>
      </c>
      <c r="G344" s="50" t="s">
        <v>1124</v>
      </c>
      <c r="H344" s="50" t="s">
        <v>1125</v>
      </c>
      <c r="I344" s="50" t="s">
        <v>1160</v>
      </c>
      <c r="J344" s="50" t="s">
        <v>1161</v>
      </c>
      <c r="K344" s="50" t="s">
        <v>61</v>
      </c>
      <c r="L344" s="70" t="s">
        <v>62</v>
      </c>
      <c r="M344" s="50" t="s">
        <v>1162</v>
      </c>
      <c r="N344" s="5"/>
    </row>
    <row r="345" spans="1:14" ht="66" x14ac:dyDescent="0.2">
      <c r="A345" s="11" t="s">
        <v>11</v>
      </c>
      <c r="B345" s="11" t="s">
        <v>1196</v>
      </c>
      <c r="C345" s="11" t="s">
        <v>55</v>
      </c>
      <c r="D345" s="11" t="s">
        <v>1197</v>
      </c>
      <c r="E345" s="80">
        <v>45932</v>
      </c>
      <c r="F345" s="80">
        <v>46002</v>
      </c>
      <c r="G345" s="50" t="s">
        <v>1165</v>
      </c>
      <c r="H345" s="50" t="s">
        <v>1166</v>
      </c>
      <c r="I345" s="50" t="s">
        <v>1198</v>
      </c>
      <c r="J345" s="50" t="s">
        <v>1199</v>
      </c>
      <c r="K345" s="50" t="s">
        <v>61</v>
      </c>
      <c r="L345" s="50" t="s">
        <v>62</v>
      </c>
      <c r="M345" s="50" t="s">
        <v>1200</v>
      </c>
      <c r="N345" s="200"/>
    </row>
    <row r="346" spans="1:14" ht="52.8" x14ac:dyDescent="0.2">
      <c r="A346" s="11" t="s">
        <v>11</v>
      </c>
      <c r="B346" s="11" t="s">
        <v>1163</v>
      </c>
      <c r="C346" s="20" t="s">
        <v>99</v>
      </c>
      <c r="D346" s="11" t="s">
        <v>1164</v>
      </c>
      <c r="E346" s="80">
        <v>45933</v>
      </c>
      <c r="F346" s="80">
        <v>45933</v>
      </c>
      <c r="G346" s="50" t="s">
        <v>1165</v>
      </c>
      <c r="H346" s="50" t="s">
        <v>1166</v>
      </c>
      <c r="I346" s="50" t="s">
        <v>1160</v>
      </c>
      <c r="J346" s="50" t="s">
        <v>60</v>
      </c>
      <c r="K346" s="50" t="s">
        <v>61</v>
      </c>
      <c r="L346" s="70" t="s">
        <v>85</v>
      </c>
      <c r="M346" s="50" t="s">
        <v>1162</v>
      </c>
      <c r="N346" s="5"/>
    </row>
    <row r="347" spans="1:14" ht="145.80000000000001" x14ac:dyDescent="0.2">
      <c r="A347" s="11" t="s">
        <v>11</v>
      </c>
      <c r="B347" s="11" t="s">
        <v>1207</v>
      </c>
      <c r="C347" s="11" t="s">
        <v>55</v>
      </c>
      <c r="D347" s="11" t="s">
        <v>1208</v>
      </c>
      <c r="E347" s="80">
        <v>45935</v>
      </c>
      <c r="F347" s="80">
        <v>45935</v>
      </c>
      <c r="G347" s="50" t="s">
        <v>1165</v>
      </c>
      <c r="H347" s="50" t="s">
        <v>1166</v>
      </c>
      <c r="I347" s="50" t="s">
        <v>1198</v>
      </c>
      <c r="J347" s="50" t="s">
        <v>1209</v>
      </c>
      <c r="K347" s="50" t="s">
        <v>61</v>
      </c>
      <c r="L347" s="50" t="s">
        <v>62</v>
      </c>
      <c r="M347" s="50" t="s">
        <v>1200</v>
      </c>
      <c r="N347" s="196" t="s">
        <v>1210</v>
      </c>
    </row>
    <row r="348" spans="1:14" ht="52.8" x14ac:dyDescent="0.2">
      <c r="A348" s="11" t="s">
        <v>11</v>
      </c>
      <c r="B348" s="11" t="s">
        <v>1167</v>
      </c>
      <c r="C348" s="20" t="s">
        <v>99</v>
      </c>
      <c r="D348" s="11" t="s">
        <v>1168</v>
      </c>
      <c r="E348" s="80">
        <v>45939</v>
      </c>
      <c r="F348" s="80">
        <v>45939</v>
      </c>
      <c r="G348" s="50" t="s">
        <v>1124</v>
      </c>
      <c r="H348" s="50" t="s">
        <v>1125</v>
      </c>
      <c r="I348" s="50" t="s">
        <v>1160</v>
      </c>
      <c r="J348" s="50" t="s">
        <v>60</v>
      </c>
      <c r="K348" s="50" t="s">
        <v>61</v>
      </c>
      <c r="L348" s="70" t="s">
        <v>85</v>
      </c>
      <c r="M348" s="50" t="s">
        <v>1162</v>
      </c>
      <c r="N348" s="5"/>
    </row>
    <row r="349" spans="1:14" ht="118.8" x14ac:dyDescent="0.2">
      <c r="A349" s="11" t="s">
        <v>11</v>
      </c>
      <c r="B349" s="11" t="s">
        <v>1217</v>
      </c>
      <c r="C349" s="11" t="s">
        <v>99</v>
      </c>
      <c r="D349" s="11" t="s">
        <v>1218</v>
      </c>
      <c r="E349" s="80">
        <v>45940</v>
      </c>
      <c r="F349" s="80">
        <v>45942</v>
      </c>
      <c r="G349" s="50" t="s">
        <v>1219</v>
      </c>
      <c r="H349" s="50" t="s">
        <v>1220</v>
      </c>
      <c r="I349" s="50" t="s">
        <v>1221</v>
      </c>
      <c r="J349" s="50" t="s">
        <v>1222</v>
      </c>
      <c r="K349" s="50" t="s">
        <v>61</v>
      </c>
      <c r="L349" s="50" t="s">
        <v>85</v>
      </c>
      <c r="M349" s="50" t="s">
        <v>1223</v>
      </c>
      <c r="N349" s="196" t="s">
        <v>1224</v>
      </c>
    </row>
    <row r="350" spans="1:14" ht="52.8" x14ac:dyDescent="0.2">
      <c r="A350" s="11" t="s">
        <v>11</v>
      </c>
      <c r="B350" s="11" t="s">
        <v>1169</v>
      </c>
      <c r="C350" s="20" t="s">
        <v>99</v>
      </c>
      <c r="D350" s="11" t="s">
        <v>1170</v>
      </c>
      <c r="E350" s="80">
        <v>45942</v>
      </c>
      <c r="F350" s="80">
        <v>45943</v>
      </c>
      <c r="G350" s="50" t="s">
        <v>1124</v>
      </c>
      <c r="H350" s="50" t="s">
        <v>1125</v>
      </c>
      <c r="I350" s="50" t="s">
        <v>1160</v>
      </c>
      <c r="J350" s="50" t="s">
        <v>60</v>
      </c>
      <c r="K350" s="50" t="s">
        <v>61</v>
      </c>
      <c r="L350" s="70" t="s">
        <v>85</v>
      </c>
      <c r="M350" s="50" t="s">
        <v>1162</v>
      </c>
      <c r="N350" s="5"/>
    </row>
    <row r="351" spans="1:14" ht="52.8" x14ac:dyDescent="0.2">
      <c r="A351" s="11" t="s">
        <v>11</v>
      </c>
      <c r="B351" s="11" t="s">
        <v>1171</v>
      </c>
      <c r="C351" s="20" t="s">
        <v>99</v>
      </c>
      <c r="D351" s="11" t="s">
        <v>1172</v>
      </c>
      <c r="E351" s="80">
        <v>45945</v>
      </c>
      <c r="F351" s="80">
        <v>45947</v>
      </c>
      <c r="G351" s="50" t="s">
        <v>1173</v>
      </c>
      <c r="H351" s="50" t="s">
        <v>1125</v>
      </c>
      <c r="I351" s="50" t="s">
        <v>1160</v>
      </c>
      <c r="J351" s="50" t="s">
        <v>60</v>
      </c>
      <c r="K351" s="50" t="s">
        <v>61</v>
      </c>
      <c r="L351" s="70" t="s">
        <v>85</v>
      </c>
      <c r="M351" s="50" t="s">
        <v>1162</v>
      </c>
      <c r="N351" s="5"/>
    </row>
    <row r="352" spans="1:14" ht="66" x14ac:dyDescent="0.2">
      <c r="A352" s="11" t="s">
        <v>11</v>
      </c>
      <c r="B352" s="11" t="s">
        <v>1203</v>
      </c>
      <c r="C352" s="11" t="s">
        <v>55</v>
      </c>
      <c r="D352" s="11" t="s">
        <v>1204</v>
      </c>
      <c r="E352" s="80">
        <v>45948</v>
      </c>
      <c r="F352" s="80" t="s">
        <v>1205</v>
      </c>
      <c r="G352" s="50" t="s">
        <v>1165</v>
      </c>
      <c r="H352" s="50" t="s">
        <v>1166</v>
      </c>
      <c r="I352" s="50" t="s">
        <v>1198</v>
      </c>
      <c r="J352" s="50" t="s">
        <v>1206</v>
      </c>
      <c r="K352" s="50" t="s">
        <v>61</v>
      </c>
      <c r="L352" s="50" t="s">
        <v>62</v>
      </c>
      <c r="M352" s="50" t="s">
        <v>1200</v>
      </c>
      <c r="N352" s="200"/>
    </row>
    <row r="353" spans="1:14" ht="52.8" x14ac:dyDescent="0.2">
      <c r="A353" s="11" t="s">
        <v>11</v>
      </c>
      <c r="B353" s="11" t="s">
        <v>1174</v>
      </c>
      <c r="C353" s="20" t="s">
        <v>99</v>
      </c>
      <c r="D353" s="11" t="s">
        <v>1175</v>
      </c>
      <c r="E353" s="80">
        <v>45951</v>
      </c>
      <c r="F353" s="80">
        <v>45953</v>
      </c>
      <c r="G353" s="50" t="s">
        <v>1173</v>
      </c>
      <c r="H353" s="50" t="s">
        <v>1125</v>
      </c>
      <c r="I353" s="50" t="s">
        <v>1160</v>
      </c>
      <c r="J353" s="50" t="s">
        <v>60</v>
      </c>
      <c r="K353" s="50" t="s">
        <v>61</v>
      </c>
      <c r="L353" s="70" t="s">
        <v>85</v>
      </c>
      <c r="M353" s="50" t="s">
        <v>1162</v>
      </c>
      <c r="N353" s="5"/>
    </row>
    <row r="354" spans="1:14" ht="66" x14ac:dyDescent="0.2">
      <c r="A354" s="11" t="s">
        <v>11</v>
      </c>
      <c r="B354" s="11" t="s">
        <v>1211</v>
      </c>
      <c r="C354" s="11" t="s">
        <v>55</v>
      </c>
      <c r="D354" s="11" t="s">
        <v>1212</v>
      </c>
      <c r="E354" s="80">
        <v>45952</v>
      </c>
      <c r="F354" s="80">
        <v>45952</v>
      </c>
      <c r="G354" s="50" t="s">
        <v>1213</v>
      </c>
      <c r="H354" s="50" t="s">
        <v>1214</v>
      </c>
      <c r="I354" s="50" t="s">
        <v>1215</v>
      </c>
      <c r="J354" s="50" t="s">
        <v>60</v>
      </c>
      <c r="K354" s="50" t="s">
        <v>61</v>
      </c>
      <c r="L354" s="50" t="s">
        <v>62</v>
      </c>
      <c r="M354" s="50" t="s">
        <v>1216</v>
      </c>
      <c r="N354" s="200"/>
    </row>
    <row r="355" spans="1:14" ht="52.8" x14ac:dyDescent="0.2">
      <c r="A355" s="11" t="s">
        <v>11</v>
      </c>
      <c r="B355" s="11" t="s">
        <v>1176</v>
      </c>
      <c r="C355" s="20" t="s">
        <v>99</v>
      </c>
      <c r="D355" s="11" t="s">
        <v>1177</v>
      </c>
      <c r="E355" s="80">
        <v>45956</v>
      </c>
      <c r="F355" s="80">
        <v>45956</v>
      </c>
      <c r="G355" s="50" t="s">
        <v>1165</v>
      </c>
      <c r="H355" s="50" t="s">
        <v>1166</v>
      </c>
      <c r="I355" s="50" t="s">
        <v>1160</v>
      </c>
      <c r="J355" s="50" t="s">
        <v>1161</v>
      </c>
      <c r="K355" s="50" t="s">
        <v>70</v>
      </c>
      <c r="L355" s="70" t="s">
        <v>62</v>
      </c>
      <c r="M355" s="50" t="s">
        <v>1162</v>
      </c>
      <c r="N355" s="5"/>
    </row>
    <row r="356" spans="1:14" ht="97.2" x14ac:dyDescent="0.2">
      <c r="A356" s="11" t="s">
        <v>1129</v>
      </c>
      <c r="B356" s="11" t="s">
        <v>1935</v>
      </c>
      <c r="C356" s="20" t="s">
        <v>89</v>
      </c>
      <c r="D356" s="11" t="s">
        <v>1936</v>
      </c>
      <c r="E356" s="71">
        <v>45956</v>
      </c>
      <c r="F356" s="71">
        <v>45956</v>
      </c>
      <c r="G356" s="69" t="s">
        <v>1937</v>
      </c>
      <c r="H356" s="80" t="s">
        <v>1938</v>
      </c>
      <c r="I356" s="50" t="s">
        <v>1553</v>
      </c>
      <c r="J356" s="50" t="s">
        <v>1939</v>
      </c>
      <c r="K356" s="50" t="s">
        <v>61</v>
      </c>
      <c r="L356" s="70" t="s">
        <v>62</v>
      </c>
      <c r="M356" s="50" t="s">
        <v>1555</v>
      </c>
      <c r="N356" s="2" t="s">
        <v>1556</v>
      </c>
    </row>
    <row r="357" spans="1:14" ht="52.8" x14ac:dyDescent="0.2">
      <c r="A357" s="11" t="s">
        <v>11</v>
      </c>
      <c r="B357" s="11" t="s">
        <v>1178</v>
      </c>
      <c r="C357" s="20" t="s">
        <v>99</v>
      </c>
      <c r="D357" s="11" t="s">
        <v>1179</v>
      </c>
      <c r="E357" s="80">
        <v>45957</v>
      </c>
      <c r="F357" s="80">
        <v>45959</v>
      </c>
      <c r="G357" s="50" t="s">
        <v>1173</v>
      </c>
      <c r="H357" s="50" t="s">
        <v>1125</v>
      </c>
      <c r="I357" s="50" t="s">
        <v>1160</v>
      </c>
      <c r="J357" s="50" t="s">
        <v>60</v>
      </c>
      <c r="K357" s="50" t="s">
        <v>61</v>
      </c>
      <c r="L357" s="70" t="s">
        <v>85</v>
      </c>
      <c r="M357" s="50" t="s">
        <v>1162</v>
      </c>
      <c r="N357" s="5"/>
    </row>
    <row r="358" spans="1:14" ht="132" x14ac:dyDescent="0.2">
      <c r="A358" s="11" t="s">
        <v>11</v>
      </c>
      <c r="B358" s="11" t="s">
        <v>1153</v>
      </c>
      <c r="C358" s="20" t="s">
        <v>55</v>
      </c>
      <c r="D358" s="11" t="s">
        <v>1154</v>
      </c>
      <c r="E358" s="80">
        <v>45958</v>
      </c>
      <c r="F358" s="80">
        <v>45958</v>
      </c>
      <c r="G358" s="50" t="s">
        <v>1155</v>
      </c>
      <c r="H358" s="50" t="s">
        <v>1125</v>
      </c>
      <c r="I358" s="50" t="s">
        <v>1156</v>
      </c>
      <c r="J358" s="50" t="s">
        <v>1157</v>
      </c>
      <c r="K358" s="50" t="s">
        <v>61</v>
      </c>
      <c r="L358" s="70" t="s">
        <v>62</v>
      </c>
      <c r="M358" s="50" t="s">
        <v>1152</v>
      </c>
      <c r="N358" s="5"/>
    </row>
    <row r="359" spans="1:14" ht="66" x14ac:dyDescent="0.2">
      <c r="A359" s="11" t="s">
        <v>11</v>
      </c>
      <c r="B359" s="11" t="s">
        <v>1201</v>
      </c>
      <c r="C359" s="11" t="s">
        <v>55</v>
      </c>
      <c r="D359" s="11" t="s">
        <v>1202</v>
      </c>
      <c r="E359" s="80">
        <v>45958</v>
      </c>
      <c r="F359" s="80">
        <v>45958</v>
      </c>
      <c r="G359" s="50" t="s">
        <v>1165</v>
      </c>
      <c r="H359" s="50" t="s">
        <v>1166</v>
      </c>
      <c r="I359" s="50" t="s">
        <v>1198</v>
      </c>
      <c r="J359" s="50" t="s">
        <v>60</v>
      </c>
      <c r="K359" s="50" t="s">
        <v>61</v>
      </c>
      <c r="L359" s="50" t="s">
        <v>85</v>
      </c>
      <c r="M359" s="50" t="s">
        <v>1200</v>
      </c>
      <c r="N359" s="200"/>
    </row>
    <row r="360" spans="1:14" ht="97.2" x14ac:dyDescent="0.2">
      <c r="A360" s="11" t="s">
        <v>11</v>
      </c>
      <c r="B360" s="11" t="s">
        <v>1933</v>
      </c>
      <c r="C360" s="20" t="s">
        <v>89</v>
      </c>
      <c r="D360" s="11" t="s">
        <v>1909</v>
      </c>
      <c r="E360" s="69">
        <v>45963</v>
      </c>
      <c r="F360" s="69">
        <v>45963</v>
      </c>
      <c r="G360" s="50" t="s">
        <v>1124</v>
      </c>
      <c r="H360" s="50" t="s">
        <v>1934</v>
      </c>
      <c r="I360" s="50" t="s">
        <v>1553</v>
      </c>
      <c r="J360" s="50" t="s">
        <v>1886</v>
      </c>
      <c r="K360" s="50" t="s">
        <v>70</v>
      </c>
      <c r="L360" s="70" t="s">
        <v>62</v>
      </c>
      <c r="M360" s="50" t="s">
        <v>1555</v>
      </c>
      <c r="N360" s="2" t="s">
        <v>1556</v>
      </c>
    </row>
    <row r="361" spans="1:14" ht="78" customHeight="1" x14ac:dyDescent="0.2">
      <c r="A361" s="11" t="s">
        <v>11</v>
      </c>
      <c r="B361" s="11" t="s">
        <v>1180</v>
      </c>
      <c r="C361" s="20" t="s">
        <v>99</v>
      </c>
      <c r="D361" s="11" t="s">
        <v>1181</v>
      </c>
      <c r="E361" s="80">
        <v>45966</v>
      </c>
      <c r="F361" s="80">
        <v>45971</v>
      </c>
      <c r="G361" s="50" t="s">
        <v>1173</v>
      </c>
      <c r="H361" s="50" t="s">
        <v>1125</v>
      </c>
      <c r="I361" s="50" t="s">
        <v>1160</v>
      </c>
      <c r="J361" s="50" t="s">
        <v>60</v>
      </c>
      <c r="K361" s="50" t="s">
        <v>61</v>
      </c>
      <c r="L361" s="70" t="s">
        <v>85</v>
      </c>
      <c r="M361" s="50" t="s">
        <v>1162</v>
      </c>
      <c r="N361" s="5"/>
    </row>
    <row r="362" spans="1:14" ht="90" customHeight="1" x14ac:dyDescent="0.2">
      <c r="A362" s="11" t="s">
        <v>11</v>
      </c>
      <c r="B362" s="11" t="s">
        <v>1138</v>
      </c>
      <c r="C362" s="20" t="s">
        <v>600</v>
      </c>
      <c r="D362" s="11" t="s">
        <v>1139</v>
      </c>
      <c r="E362" s="80">
        <v>45969</v>
      </c>
      <c r="F362" s="80">
        <v>45969</v>
      </c>
      <c r="G362" s="50" t="s">
        <v>1140</v>
      </c>
      <c r="H362" s="50" t="s">
        <v>1134</v>
      </c>
      <c r="I362" s="50" t="s">
        <v>1135</v>
      </c>
      <c r="J362" s="50" t="s">
        <v>1141</v>
      </c>
      <c r="K362" s="50" t="s">
        <v>70</v>
      </c>
      <c r="L362" s="70" t="s">
        <v>62</v>
      </c>
      <c r="M362" s="50" t="s">
        <v>1137</v>
      </c>
      <c r="N362" s="5"/>
    </row>
    <row r="363" spans="1:14" ht="52.8" x14ac:dyDescent="0.2">
      <c r="A363" s="11" t="s">
        <v>11</v>
      </c>
      <c r="B363" s="11" t="s">
        <v>1182</v>
      </c>
      <c r="C363" s="20" t="s">
        <v>99</v>
      </c>
      <c r="D363" s="11" t="s">
        <v>1183</v>
      </c>
      <c r="E363" s="80">
        <v>45970</v>
      </c>
      <c r="F363" s="80">
        <v>45970</v>
      </c>
      <c r="G363" s="50" t="s">
        <v>1124</v>
      </c>
      <c r="H363" s="50" t="s">
        <v>1125</v>
      </c>
      <c r="I363" s="50" t="s">
        <v>1160</v>
      </c>
      <c r="J363" s="50" t="s">
        <v>60</v>
      </c>
      <c r="K363" s="50" t="s">
        <v>70</v>
      </c>
      <c r="L363" s="70" t="s">
        <v>62</v>
      </c>
      <c r="M363" s="50" t="s">
        <v>1162</v>
      </c>
      <c r="N363" s="5"/>
    </row>
    <row r="364" spans="1:14" ht="52.8" x14ac:dyDescent="0.2">
      <c r="A364" s="11" t="s">
        <v>11</v>
      </c>
      <c r="B364" s="11" t="s">
        <v>1184</v>
      </c>
      <c r="C364" s="20" t="s">
        <v>99</v>
      </c>
      <c r="D364" s="11" t="s">
        <v>1185</v>
      </c>
      <c r="E364" s="80">
        <v>45970</v>
      </c>
      <c r="F364" s="80">
        <v>45970</v>
      </c>
      <c r="G364" s="50" t="s">
        <v>1165</v>
      </c>
      <c r="H364" s="50" t="s">
        <v>1166</v>
      </c>
      <c r="I364" s="50" t="s">
        <v>1160</v>
      </c>
      <c r="J364" s="50" t="s">
        <v>1161</v>
      </c>
      <c r="K364" s="50" t="s">
        <v>70</v>
      </c>
      <c r="L364" s="70" t="s">
        <v>62</v>
      </c>
      <c r="M364" s="50" t="s">
        <v>1162</v>
      </c>
      <c r="N364" s="5"/>
    </row>
    <row r="365" spans="1:14" ht="62.4" customHeight="1" x14ac:dyDescent="0.2">
      <c r="A365" s="11" t="s">
        <v>11</v>
      </c>
      <c r="B365" s="11" t="s">
        <v>1186</v>
      </c>
      <c r="C365" s="20" t="s">
        <v>99</v>
      </c>
      <c r="D365" s="11" t="s">
        <v>1187</v>
      </c>
      <c r="E365" s="80">
        <v>45973</v>
      </c>
      <c r="F365" s="80">
        <v>45975</v>
      </c>
      <c r="G365" s="50" t="s">
        <v>1173</v>
      </c>
      <c r="H365" s="50" t="s">
        <v>1125</v>
      </c>
      <c r="I365" s="50" t="s">
        <v>1160</v>
      </c>
      <c r="J365" s="50" t="s">
        <v>60</v>
      </c>
      <c r="K365" s="50" t="s">
        <v>61</v>
      </c>
      <c r="L365" s="70" t="s">
        <v>85</v>
      </c>
      <c r="M365" s="50" t="s">
        <v>1162</v>
      </c>
      <c r="N365" s="5"/>
    </row>
    <row r="366" spans="1:14" ht="52.8" x14ac:dyDescent="0.2">
      <c r="A366" s="11" t="s">
        <v>11</v>
      </c>
      <c r="B366" s="11" t="s">
        <v>1142</v>
      </c>
      <c r="C366" s="20" t="s">
        <v>600</v>
      </c>
      <c r="D366" s="11" t="s">
        <v>1143</v>
      </c>
      <c r="E366" s="80">
        <v>45976</v>
      </c>
      <c r="F366" s="80">
        <v>45976</v>
      </c>
      <c r="G366" s="50" t="s">
        <v>1144</v>
      </c>
      <c r="H366" s="50" t="s">
        <v>1134</v>
      </c>
      <c r="I366" s="50" t="s">
        <v>1135</v>
      </c>
      <c r="J366" s="50" t="s">
        <v>1145</v>
      </c>
      <c r="K366" s="50" t="s">
        <v>61</v>
      </c>
      <c r="L366" s="70" t="s">
        <v>62</v>
      </c>
      <c r="M366" s="50" t="s">
        <v>1137</v>
      </c>
      <c r="N366" s="5"/>
    </row>
    <row r="367" spans="1:14" ht="52.8" x14ac:dyDescent="0.2">
      <c r="A367" s="11" t="s">
        <v>11</v>
      </c>
      <c r="B367" s="11" t="s">
        <v>1188</v>
      </c>
      <c r="C367" s="20" t="s">
        <v>99</v>
      </c>
      <c r="D367" s="11" t="s">
        <v>1189</v>
      </c>
      <c r="E367" s="80">
        <v>45976</v>
      </c>
      <c r="F367" s="80">
        <v>45976</v>
      </c>
      <c r="G367" s="50" t="s">
        <v>1165</v>
      </c>
      <c r="H367" s="50" t="s">
        <v>1166</v>
      </c>
      <c r="I367" s="50" t="s">
        <v>1160</v>
      </c>
      <c r="J367" s="50" t="s">
        <v>60</v>
      </c>
      <c r="K367" s="50" t="s">
        <v>61</v>
      </c>
      <c r="L367" s="70" t="s">
        <v>85</v>
      </c>
      <c r="M367" s="50" t="s">
        <v>1162</v>
      </c>
      <c r="N367" s="5"/>
    </row>
    <row r="368" spans="1:14" ht="81" x14ac:dyDescent="0.2">
      <c r="A368" s="14" t="s">
        <v>11</v>
      </c>
      <c r="B368" s="14" t="s">
        <v>1969</v>
      </c>
      <c r="C368" s="15" t="s">
        <v>55</v>
      </c>
      <c r="D368" s="14" t="s">
        <v>1970</v>
      </c>
      <c r="E368" s="33">
        <v>45976</v>
      </c>
      <c r="F368" s="33">
        <v>45976</v>
      </c>
      <c r="G368" s="13" t="s">
        <v>1944</v>
      </c>
      <c r="H368" s="13" t="s">
        <v>1945</v>
      </c>
      <c r="I368" s="13" t="s">
        <v>1971</v>
      </c>
      <c r="J368" s="54" t="s">
        <v>1045</v>
      </c>
      <c r="K368" s="13" t="s">
        <v>70</v>
      </c>
      <c r="L368" s="17" t="s">
        <v>62</v>
      </c>
      <c r="M368" s="13" t="s">
        <v>1947</v>
      </c>
      <c r="N368" s="2" t="s">
        <v>1948</v>
      </c>
    </row>
    <row r="369" spans="1:14" ht="81" x14ac:dyDescent="0.2">
      <c r="A369" s="14" t="s">
        <v>11</v>
      </c>
      <c r="B369" s="14" t="s">
        <v>1974</v>
      </c>
      <c r="C369" s="15" t="s">
        <v>600</v>
      </c>
      <c r="D369" s="14" t="s">
        <v>1975</v>
      </c>
      <c r="E369" s="33">
        <v>45977</v>
      </c>
      <c r="F369" s="33">
        <v>45977</v>
      </c>
      <c r="G369" s="13" t="s">
        <v>1944</v>
      </c>
      <c r="H369" s="13" t="s">
        <v>1952</v>
      </c>
      <c r="I369" s="13" t="s">
        <v>1957</v>
      </c>
      <c r="J369" s="54" t="s">
        <v>1045</v>
      </c>
      <c r="K369" s="13" t="s">
        <v>70</v>
      </c>
      <c r="L369" s="17" t="s">
        <v>62</v>
      </c>
      <c r="M369" s="13" t="s">
        <v>1947</v>
      </c>
      <c r="N369" s="2" t="s">
        <v>1948</v>
      </c>
    </row>
    <row r="370" spans="1:14" ht="81" x14ac:dyDescent="0.2">
      <c r="A370" s="14" t="s">
        <v>11</v>
      </c>
      <c r="B370" s="14" t="s">
        <v>1940</v>
      </c>
      <c r="C370" s="15" t="s">
        <v>55</v>
      </c>
      <c r="D370" s="14" t="s">
        <v>1941</v>
      </c>
      <c r="E370" s="23" t="s">
        <v>1942</v>
      </c>
      <c r="F370" s="23" t="s">
        <v>1943</v>
      </c>
      <c r="G370" s="13" t="s">
        <v>1944</v>
      </c>
      <c r="H370" s="13" t="s">
        <v>1945</v>
      </c>
      <c r="I370" s="13" t="s">
        <v>1946</v>
      </c>
      <c r="J370" s="13" t="s">
        <v>1045</v>
      </c>
      <c r="K370" s="13" t="s">
        <v>61</v>
      </c>
      <c r="L370" s="17" t="s">
        <v>85</v>
      </c>
      <c r="M370" s="13" t="s">
        <v>1947</v>
      </c>
      <c r="N370" s="2" t="s">
        <v>1948</v>
      </c>
    </row>
    <row r="371" spans="1:14" ht="81" x14ac:dyDescent="0.2">
      <c r="A371" s="14" t="s">
        <v>11</v>
      </c>
      <c r="B371" s="14" t="s">
        <v>1949</v>
      </c>
      <c r="C371" s="15" t="s">
        <v>55</v>
      </c>
      <c r="D371" s="22" t="s">
        <v>1950</v>
      </c>
      <c r="E371" s="23" t="s">
        <v>1951</v>
      </c>
      <c r="F371" s="23" t="s">
        <v>1951</v>
      </c>
      <c r="G371" s="13" t="s">
        <v>1944</v>
      </c>
      <c r="H371" s="13" t="s">
        <v>1952</v>
      </c>
      <c r="I371" s="13" t="s">
        <v>1953</v>
      </c>
      <c r="J371" s="13" t="s">
        <v>1045</v>
      </c>
      <c r="K371" s="13" t="s">
        <v>61</v>
      </c>
      <c r="L371" s="17" t="s">
        <v>85</v>
      </c>
      <c r="M371" s="13" t="s">
        <v>1947</v>
      </c>
      <c r="N371" s="2" t="s">
        <v>1948</v>
      </c>
    </row>
    <row r="372" spans="1:14" ht="81" x14ac:dyDescent="0.2">
      <c r="A372" s="14" t="s">
        <v>11</v>
      </c>
      <c r="B372" s="14" t="s">
        <v>1954</v>
      </c>
      <c r="C372" s="15" t="s">
        <v>55</v>
      </c>
      <c r="D372" s="22" t="s">
        <v>1955</v>
      </c>
      <c r="E372" s="23" t="s">
        <v>1956</v>
      </c>
      <c r="F372" s="23" t="s">
        <v>1956</v>
      </c>
      <c r="G372" s="13" t="s">
        <v>1944</v>
      </c>
      <c r="H372" s="13" t="s">
        <v>1945</v>
      </c>
      <c r="I372" s="13" t="s">
        <v>1957</v>
      </c>
      <c r="J372" s="54" t="s">
        <v>1045</v>
      </c>
      <c r="K372" s="13" t="s">
        <v>61</v>
      </c>
      <c r="L372" s="17" t="s">
        <v>85</v>
      </c>
      <c r="M372" s="13" t="s">
        <v>1947</v>
      </c>
      <c r="N372" s="2" t="s">
        <v>1948</v>
      </c>
    </row>
    <row r="373" spans="1:14" ht="81" x14ac:dyDescent="0.2">
      <c r="A373" s="14" t="s">
        <v>11</v>
      </c>
      <c r="B373" s="14" t="s">
        <v>1958</v>
      </c>
      <c r="C373" s="15" t="s">
        <v>55</v>
      </c>
      <c r="D373" s="22" t="s">
        <v>1959</v>
      </c>
      <c r="E373" s="23" t="s">
        <v>1960</v>
      </c>
      <c r="F373" s="23" t="s">
        <v>1960</v>
      </c>
      <c r="G373" s="13" t="s">
        <v>1944</v>
      </c>
      <c r="H373" s="13" t="s">
        <v>1952</v>
      </c>
      <c r="I373" s="13" t="s">
        <v>1957</v>
      </c>
      <c r="J373" s="13" t="s">
        <v>1045</v>
      </c>
      <c r="K373" s="13" t="s">
        <v>61</v>
      </c>
      <c r="L373" s="17" t="s">
        <v>85</v>
      </c>
      <c r="M373" s="13" t="s">
        <v>1947</v>
      </c>
      <c r="N373" s="2" t="s">
        <v>1948</v>
      </c>
    </row>
    <row r="374" spans="1:14" ht="226.8" x14ac:dyDescent="0.2">
      <c r="A374" s="14" t="s">
        <v>11</v>
      </c>
      <c r="B374" s="14" t="s">
        <v>1961</v>
      </c>
      <c r="C374" s="15" t="s">
        <v>55</v>
      </c>
      <c r="D374" s="22" t="s">
        <v>1962</v>
      </c>
      <c r="E374" s="23" t="s">
        <v>1963</v>
      </c>
      <c r="F374" s="23" t="s">
        <v>1963</v>
      </c>
      <c r="G374" s="13" t="s">
        <v>1944</v>
      </c>
      <c r="H374" s="13" t="s">
        <v>1945</v>
      </c>
      <c r="I374" s="13" t="s">
        <v>1964</v>
      </c>
      <c r="J374" s="54" t="s">
        <v>1965</v>
      </c>
      <c r="K374" s="13" t="s">
        <v>70</v>
      </c>
      <c r="L374" s="17" t="s">
        <v>62</v>
      </c>
      <c r="M374" s="13" t="s">
        <v>1964</v>
      </c>
      <c r="N374" s="2" t="s">
        <v>1966</v>
      </c>
    </row>
    <row r="375" spans="1:14" ht="87.6" customHeight="1" x14ac:dyDescent="0.2">
      <c r="A375" s="14" t="s">
        <v>11</v>
      </c>
      <c r="B375" s="14" t="s">
        <v>1940</v>
      </c>
      <c r="C375" s="15" t="s">
        <v>55</v>
      </c>
      <c r="D375" s="14" t="s">
        <v>1941</v>
      </c>
      <c r="E375" s="23" t="s">
        <v>1967</v>
      </c>
      <c r="F375" s="23" t="s">
        <v>1967</v>
      </c>
      <c r="G375" s="13" t="s">
        <v>1944</v>
      </c>
      <c r="H375" s="13" t="s">
        <v>1945</v>
      </c>
      <c r="I375" s="13" t="s">
        <v>1946</v>
      </c>
      <c r="J375" s="13" t="s">
        <v>1045</v>
      </c>
      <c r="K375" s="13" t="s">
        <v>61</v>
      </c>
      <c r="L375" s="17" t="s">
        <v>85</v>
      </c>
      <c r="M375" s="13" t="s">
        <v>1947</v>
      </c>
      <c r="N375" s="2" t="s">
        <v>1968</v>
      </c>
    </row>
    <row r="376" spans="1:14" ht="66" x14ac:dyDescent="0.2">
      <c r="A376" s="11" t="s">
        <v>1129</v>
      </c>
      <c r="B376" s="11" t="s">
        <v>1130</v>
      </c>
      <c r="C376" s="20" t="s">
        <v>600</v>
      </c>
      <c r="D376" s="11" t="s">
        <v>1131</v>
      </c>
      <c r="E376" s="80" t="s">
        <v>1132</v>
      </c>
      <c r="F376" s="80" t="s">
        <v>1132</v>
      </c>
      <c r="G376" s="50" t="s">
        <v>1133</v>
      </c>
      <c r="H376" s="50" t="s">
        <v>1134</v>
      </c>
      <c r="I376" s="50" t="s">
        <v>1135</v>
      </c>
      <c r="J376" s="50" t="s">
        <v>1136</v>
      </c>
      <c r="K376" s="50" t="s">
        <v>61</v>
      </c>
      <c r="L376" s="70" t="s">
        <v>62</v>
      </c>
      <c r="M376" s="50" t="s">
        <v>1137</v>
      </c>
      <c r="N376" s="5"/>
    </row>
    <row r="377" spans="1:14" ht="92.4" customHeight="1" x14ac:dyDescent="0.2">
      <c r="A377" s="14" t="s">
        <v>11</v>
      </c>
      <c r="B377" s="14" t="s">
        <v>1940</v>
      </c>
      <c r="C377" s="15" t="s">
        <v>55</v>
      </c>
      <c r="D377" s="14" t="s">
        <v>1941</v>
      </c>
      <c r="E377" s="23" t="s">
        <v>1972</v>
      </c>
      <c r="F377" s="23" t="s">
        <v>1973</v>
      </c>
      <c r="G377" s="13" t="s">
        <v>1944</v>
      </c>
      <c r="H377" s="13" t="s">
        <v>1945</v>
      </c>
      <c r="I377" s="13" t="s">
        <v>1946</v>
      </c>
      <c r="J377" s="13" t="s">
        <v>1045</v>
      </c>
      <c r="K377" s="13" t="s">
        <v>61</v>
      </c>
      <c r="L377" s="17" t="s">
        <v>85</v>
      </c>
      <c r="M377" s="13" t="s">
        <v>1947</v>
      </c>
      <c r="N377" s="2" t="s">
        <v>1948</v>
      </c>
    </row>
    <row r="378" spans="1:14" ht="66" x14ac:dyDescent="0.2">
      <c r="A378" s="11" t="s">
        <v>1992</v>
      </c>
      <c r="B378" s="11" t="s">
        <v>1845</v>
      </c>
      <c r="C378" s="20" t="s">
        <v>99</v>
      </c>
      <c r="D378" s="11" t="s">
        <v>1846</v>
      </c>
      <c r="E378" s="69">
        <v>45920</v>
      </c>
      <c r="F378" s="69">
        <v>45920</v>
      </c>
      <c r="G378" s="50" t="s">
        <v>1993</v>
      </c>
      <c r="H378" s="50" t="s">
        <v>1994</v>
      </c>
      <c r="I378" s="49" t="s">
        <v>1848</v>
      </c>
      <c r="J378" s="50" t="s">
        <v>60</v>
      </c>
      <c r="K378" s="50" t="s">
        <v>61</v>
      </c>
      <c r="L378" s="70" t="s">
        <v>62</v>
      </c>
      <c r="M378" s="50" t="s">
        <v>1849</v>
      </c>
      <c r="N378" s="2" t="s">
        <v>1995</v>
      </c>
    </row>
    <row r="379" spans="1:14" ht="64.8" x14ac:dyDescent="0.2">
      <c r="A379" s="4" t="s">
        <v>12</v>
      </c>
      <c r="B379" s="4" t="s">
        <v>1976</v>
      </c>
      <c r="C379" s="6" t="s">
        <v>55</v>
      </c>
      <c r="D379" s="4" t="s">
        <v>1977</v>
      </c>
      <c r="E379" s="9">
        <v>45921</v>
      </c>
      <c r="F379" s="9">
        <v>45921</v>
      </c>
      <c r="G379" s="39" t="s">
        <v>1978</v>
      </c>
      <c r="H379" s="39" t="s">
        <v>1979</v>
      </c>
      <c r="I379" s="39" t="s">
        <v>1980</v>
      </c>
      <c r="J379" s="39" t="s">
        <v>1981</v>
      </c>
      <c r="K379" s="39" t="s">
        <v>70</v>
      </c>
      <c r="L379" s="10" t="s">
        <v>62</v>
      </c>
      <c r="M379" s="39" t="s">
        <v>1978</v>
      </c>
      <c r="N379" s="2" t="s">
        <v>1982</v>
      </c>
    </row>
    <row r="380" spans="1:14" ht="64.8" x14ac:dyDescent="0.2">
      <c r="A380" s="4" t="s">
        <v>12</v>
      </c>
      <c r="B380" s="4" t="s">
        <v>1983</v>
      </c>
      <c r="C380" s="6" t="s">
        <v>55</v>
      </c>
      <c r="D380" s="4" t="s">
        <v>1984</v>
      </c>
      <c r="E380" s="9">
        <v>45928</v>
      </c>
      <c r="F380" s="9">
        <v>45928</v>
      </c>
      <c r="G380" s="39" t="s">
        <v>1978</v>
      </c>
      <c r="H380" s="39" t="s">
        <v>1985</v>
      </c>
      <c r="I380" s="39" t="s">
        <v>1980</v>
      </c>
      <c r="J380" s="39" t="s">
        <v>1986</v>
      </c>
      <c r="K380" s="39" t="s">
        <v>70</v>
      </c>
      <c r="L380" s="10" t="s">
        <v>62</v>
      </c>
      <c r="M380" s="39" t="s">
        <v>1978</v>
      </c>
      <c r="N380" s="2" t="s">
        <v>1982</v>
      </c>
    </row>
    <row r="381" spans="1:14" ht="64.8" x14ac:dyDescent="0.2">
      <c r="A381" s="4" t="s">
        <v>12</v>
      </c>
      <c r="B381" s="4" t="s">
        <v>1987</v>
      </c>
      <c r="C381" s="6" t="s">
        <v>55</v>
      </c>
      <c r="D381" s="4" t="s">
        <v>1988</v>
      </c>
      <c r="E381" s="9">
        <v>45934</v>
      </c>
      <c r="F381" s="9">
        <v>45934</v>
      </c>
      <c r="G381" s="39" t="s">
        <v>1978</v>
      </c>
      <c r="H381" s="39" t="s">
        <v>1985</v>
      </c>
      <c r="I381" s="39" t="s">
        <v>1980</v>
      </c>
      <c r="J381" s="39" t="s">
        <v>1986</v>
      </c>
      <c r="K381" s="39" t="s">
        <v>70</v>
      </c>
      <c r="L381" s="10" t="s">
        <v>62</v>
      </c>
      <c r="M381" s="39" t="s">
        <v>1978</v>
      </c>
      <c r="N381" s="2" t="s">
        <v>1982</v>
      </c>
    </row>
    <row r="382" spans="1:14" ht="64.8" x14ac:dyDescent="0.2">
      <c r="A382" s="4" t="s">
        <v>12</v>
      </c>
      <c r="B382" s="4" t="s">
        <v>1989</v>
      </c>
      <c r="C382" s="6" t="s">
        <v>55</v>
      </c>
      <c r="D382" s="4" t="s">
        <v>1990</v>
      </c>
      <c r="E382" s="9">
        <v>45935</v>
      </c>
      <c r="F382" s="9">
        <v>45935</v>
      </c>
      <c r="G382" s="39" t="s">
        <v>1978</v>
      </c>
      <c r="H382" s="39" t="s">
        <v>1985</v>
      </c>
      <c r="I382" s="39" t="s">
        <v>1980</v>
      </c>
      <c r="J382" s="39" t="s">
        <v>1991</v>
      </c>
      <c r="K382" s="39" t="s">
        <v>70</v>
      </c>
      <c r="L382" s="10" t="s">
        <v>62</v>
      </c>
      <c r="M382" s="39" t="s">
        <v>1978</v>
      </c>
      <c r="N382" s="2" t="s">
        <v>1982</v>
      </c>
    </row>
    <row r="383" spans="1:14" ht="66" x14ac:dyDescent="0.2">
      <c r="A383" s="11" t="s">
        <v>13</v>
      </c>
      <c r="B383" s="11" t="s">
        <v>1264</v>
      </c>
      <c r="C383" s="20" t="s">
        <v>55</v>
      </c>
      <c r="D383" s="11" t="s">
        <v>1265</v>
      </c>
      <c r="E383" s="69">
        <v>45918</v>
      </c>
      <c r="F383" s="69">
        <v>45918</v>
      </c>
      <c r="G383" s="50" t="s">
        <v>1266</v>
      </c>
      <c r="H383" s="50" t="s">
        <v>1267</v>
      </c>
      <c r="I383" s="49" t="s">
        <v>1259</v>
      </c>
      <c r="J383" s="50" t="s">
        <v>1268</v>
      </c>
      <c r="K383" s="50" t="s">
        <v>61</v>
      </c>
      <c r="L383" s="70" t="s">
        <v>85</v>
      </c>
      <c r="M383" s="50" t="s">
        <v>1266</v>
      </c>
      <c r="N383" s="2" t="s">
        <v>1269</v>
      </c>
    </row>
    <row r="384" spans="1:14" ht="66" x14ac:dyDescent="0.2">
      <c r="A384" s="11" t="s">
        <v>13</v>
      </c>
      <c r="B384" s="11" t="s">
        <v>1264</v>
      </c>
      <c r="C384" s="20" t="s">
        <v>55</v>
      </c>
      <c r="D384" s="11" t="s">
        <v>1265</v>
      </c>
      <c r="E384" s="69">
        <v>45918</v>
      </c>
      <c r="F384" s="69">
        <v>45918</v>
      </c>
      <c r="G384" s="50" t="s">
        <v>1270</v>
      </c>
      <c r="H384" s="50" t="s">
        <v>1271</v>
      </c>
      <c r="I384" s="49" t="s">
        <v>1259</v>
      </c>
      <c r="J384" s="50" t="s">
        <v>1272</v>
      </c>
      <c r="K384" s="50" t="s">
        <v>61</v>
      </c>
      <c r="L384" s="70" t="s">
        <v>85</v>
      </c>
      <c r="M384" s="50" t="s">
        <v>1270</v>
      </c>
      <c r="N384" s="2" t="s">
        <v>1269</v>
      </c>
    </row>
    <row r="385" spans="1:14" ht="39.6" x14ac:dyDescent="0.2">
      <c r="A385" s="11" t="s">
        <v>13</v>
      </c>
      <c r="B385" s="11" t="s">
        <v>1285</v>
      </c>
      <c r="C385" s="20" t="s">
        <v>55</v>
      </c>
      <c r="D385" s="11" t="s">
        <v>1277</v>
      </c>
      <c r="E385" s="69">
        <v>45920</v>
      </c>
      <c r="F385" s="69">
        <v>45920</v>
      </c>
      <c r="G385" s="50" t="s">
        <v>1278</v>
      </c>
      <c r="H385" s="50" t="s">
        <v>1279</v>
      </c>
      <c r="I385" s="49" t="s">
        <v>1259</v>
      </c>
      <c r="J385" s="50" t="s">
        <v>1286</v>
      </c>
      <c r="K385" s="50" t="s">
        <v>61</v>
      </c>
      <c r="L385" s="70" t="s">
        <v>85</v>
      </c>
      <c r="M385" s="49" t="s">
        <v>1259</v>
      </c>
      <c r="N385" s="2" t="s">
        <v>1281</v>
      </c>
    </row>
    <row r="386" spans="1:14" ht="39.6" x14ac:dyDescent="0.2">
      <c r="A386" s="11" t="s">
        <v>13</v>
      </c>
      <c r="B386" s="11" t="s">
        <v>1295</v>
      </c>
      <c r="C386" s="20" t="s">
        <v>55</v>
      </c>
      <c r="D386" s="11" t="s">
        <v>1277</v>
      </c>
      <c r="E386" s="69">
        <v>45921</v>
      </c>
      <c r="F386" s="69">
        <v>45921</v>
      </c>
      <c r="G386" s="50" t="s">
        <v>1292</v>
      </c>
      <c r="H386" s="50" t="s">
        <v>1293</v>
      </c>
      <c r="I386" s="49" t="s">
        <v>1259</v>
      </c>
      <c r="J386" s="50" t="s">
        <v>1290</v>
      </c>
      <c r="K386" s="50" t="s">
        <v>61</v>
      </c>
      <c r="L386" s="70" t="s">
        <v>85</v>
      </c>
      <c r="M386" s="49" t="s">
        <v>1259</v>
      </c>
      <c r="N386" s="2" t="s">
        <v>1281</v>
      </c>
    </row>
    <row r="387" spans="1:14" ht="39.6" x14ac:dyDescent="0.2">
      <c r="A387" s="11" t="s">
        <v>13</v>
      </c>
      <c r="B387" s="11" t="s">
        <v>1257</v>
      </c>
      <c r="C387" s="20" t="s">
        <v>55</v>
      </c>
      <c r="D387" s="11" t="s">
        <v>1258</v>
      </c>
      <c r="E387" s="69">
        <v>45922</v>
      </c>
      <c r="F387" s="69">
        <v>45922</v>
      </c>
      <c r="G387" s="50" t="s">
        <v>1259</v>
      </c>
      <c r="H387" s="50" t="s">
        <v>1260</v>
      </c>
      <c r="I387" s="49" t="s">
        <v>1259</v>
      </c>
      <c r="J387" s="50" t="s">
        <v>1261</v>
      </c>
      <c r="K387" s="50" t="s">
        <v>61</v>
      </c>
      <c r="L387" s="70" t="s">
        <v>62</v>
      </c>
      <c r="M387" s="50" t="s">
        <v>1262</v>
      </c>
      <c r="N387" s="2" t="s">
        <v>1263</v>
      </c>
    </row>
    <row r="388" spans="1:14" ht="162" x14ac:dyDescent="0.2">
      <c r="A388" s="11" t="s">
        <v>1225</v>
      </c>
      <c r="B388" s="11" t="s">
        <v>1226</v>
      </c>
      <c r="C388" s="20" t="s">
        <v>99</v>
      </c>
      <c r="D388" s="11" t="s">
        <v>2148</v>
      </c>
      <c r="E388" s="69">
        <v>45925</v>
      </c>
      <c r="F388" s="69">
        <v>45929</v>
      </c>
      <c r="G388" s="50" t="s">
        <v>1227</v>
      </c>
      <c r="H388" s="50" t="s">
        <v>1228</v>
      </c>
      <c r="I388" s="50" t="s">
        <v>1229</v>
      </c>
      <c r="J388" s="50" t="s">
        <v>1230</v>
      </c>
      <c r="K388" s="50" t="s">
        <v>61</v>
      </c>
      <c r="L388" s="70" t="s">
        <v>62</v>
      </c>
      <c r="M388" s="50" t="s">
        <v>1231</v>
      </c>
      <c r="N388" s="2" t="s">
        <v>1232</v>
      </c>
    </row>
    <row r="389" spans="1:14" ht="162" x14ac:dyDescent="0.2">
      <c r="A389" s="11" t="s">
        <v>1225</v>
      </c>
      <c r="B389" s="11" t="s">
        <v>1233</v>
      </c>
      <c r="C389" s="20" t="s">
        <v>99</v>
      </c>
      <c r="D389" s="11" t="s">
        <v>2149</v>
      </c>
      <c r="E389" s="69">
        <v>45925</v>
      </c>
      <c r="F389" s="69">
        <v>45929</v>
      </c>
      <c r="G389" s="50" t="s">
        <v>1227</v>
      </c>
      <c r="H389" s="50" t="s">
        <v>1228</v>
      </c>
      <c r="I389" s="50" t="s">
        <v>1229</v>
      </c>
      <c r="J389" s="50" t="s">
        <v>1234</v>
      </c>
      <c r="K389" s="50" t="s">
        <v>61</v>
      </c>
      <c r="L389" s="70" t="s">
        <v>62</v>
      </c>
      <c r="M389" s="50" t="s">
        <v>1231</v>
      </c>
      <c r="N389" s="2" t="s">
        <v>1232</v>
      </c>
    </row>
    <row r="390" spans="1:14" ht="52.8" x14ac:dyDescent="0.2">
      <c r="A390" s="11" t="s">
        <v>13</v>
      </c>
      <c r="B390" s="11" t="s">
        <v>1287</v>
      </c>
      <c r="C390" s="20" t="s">
        <v>55</v>
      </c>
      <c r="D390" s="11" t="s">
        <v>1277</v>
      </c>
      <c r="E390" s="69">
        <v>45927</v>
      </c>
      <c r="F390" s="69">
        <v>45927</v>
      </c>
      <c r="G390" s="50" t="s">
        <v>1288</v>
      </c>
      <c r="H390" s="50" t="s">
        <v>1289</v>
      </c>
      <c r="I390" s="49" t="s">
        <v>1259</v>
      </c>
      <c r="J390" s="50" t="s">
        <v>1290</v>
      </c>
      <c r="K390" s="50" t="s">
        <v>61</v>
      </c>
      <c r="L390" s="70" t="s">
        <v>85</v>
      </c>
      <c r="M390" s="49" t="s">
        <v>1259</v>
      </c>
      <c r="N390" s="2" t="s">
        <v>1281</v>
      </c>
    </row>
    <row r="391" spans="1:14" ht="105" customHeight="1" x14ac:dyDescent="0.2">
      <c r="A391" s="11" t="s">
        <v>1225</v>
      </c>
      <c r="B391" s="11" t="s">
        <v>1252</v>
      </c>
      <c r="C391" s="20" t="s">
        <v>99</v>
      </c>
      <c r="D391" s="11" t="s">
        <v>2150</v>
      </c>
      <c r="E391" s="69">
        <v>45930</v>
      </c>
      <c r="F391" s="69">
        <v>45930</v>
      </c>
      <c r="G391" s="50" t="s">
        <v>1253</v>
      </c>
      <c r="H391" s="50" t="s">
        <v>1228</v>
      </c>
      <c r="I391" s="50" t="s">
        <v>1229</v>
      </c>
      <c r="J391" s="50" t="s">
        <v>1222</v>
      </c>
      <c r="K391" s="50" t="s">
        <v>61</v>
      </c>
      <c r="L391" s="70" t="s">
        <v>85</v>
      </c>
      <c r="M391" s="50" t="s">
        <v>1229</v>
      </c>
      <c r="N391" s="2" t="s">
        <v>1254</v>
      </c>
    </row>
    <row r="392" spans="1:14" ht="61.2" customHeight="1" x14ac:dyDescent="0.2">
      <c r="A392" s="11" t="s">
        <v>13</v>
      </c>
      <c r="B392" s="11" t="s">
        <v>1276</v>
      </c>
      <c r="C392" s="20" t="s">
        <v>55</v>
      </c>
      <c r="D392" s="11" t="s">
        <v>1277</v>
      </c>
      <c r="E392" s="69">
        <v>45932</v>
      </c>
      <c r="F392" s="69">
        <v>45932</v>
      </c>
      <c r="G392" s="50" t="s">
        <v>1278</v>
      </c>
      <c r="H392" s="50" t="s">
        <v>1279</v>
      </c>
      <c r="I392" s="49" t="s">
        <v>1259</v>
      </c>
      <c r="J392" s="50" t="s">
        <v>1280</v>
      </c>
      <c r="K392" s="50" t="s">
        <v>61</v>
      </c>
      <c r="L392" s="70" t="s">
        <v>85</v>
      </c>
      <c r="M392" s="49" t="s">
        <v>1259</v>
      </c>
      <c r="N392" s="2" t="s">
        <v>1281</v>
      </c>
    </row>
    <row r="393" spans="1:14" ht="61.2" customHeight="1" x14ac:dyDescent="0.2">
      <c r="A393" s="11" t="s">
        <v>13</v>
      </c>
      <c r="B393" s="11" t="s">
        <v>1291</v>
      </c>
      <c r="C393" s="20" t="s">
        <v>55</v>
      </c>
      <c r="D393" s="11" t="s">
        <v>1277</v>
      </c>
      <c r="E393" s="69">
        <v>45934</v>
      </c>
      <c r="F393" s="69">
        <v>45934</v>
      </c>
      <c r="G393" s="50" t="s">
        <v>1292</v>
      </c>
      <c r="H393" s="50" t="s">
        <v>1293</v>
      </c>
      <c r="I393" s="49" t="s">
        <v>1259</v>
      </c>
      <c r="J393" s="50" t="s">
        <v>1294</v>
      </c>
      <c r="K393" s="50" t="s">
        <v>61</v>
      </c>
      <c r="L393" s="70" t="s">
        <v>85</v>
      </c>
      <c r="M393" s="49" t="s">
        <v>1259</v>
      </c>
      <c r="N393" s="2" t="s">
        <v>1281</v>
      </c>
    </row>
    <row r="394" spans="1:14" ht="39.6" x14ac:dyDescent="0.2">
      <c r="A394" s="11" t="s">
        <v>13</v>
      </c>
      <c r="B394" s="11" t="s">
        <v>1283</v>
      </c>
      <c r="C394" s="20" t="s">
        <v>55</v>
      </c>
      <c r="D394" s="11" t="s">
        <v>1277</v>
      </c>
      <c r="E394" s="69">
        <v>45941</v>
      </c>
      <c r="F394" s="69">
        <v>45941</v>
      </c>
      <c r="G394" s="50" t="s">
        <v>1278</v>
      </c>
      <c r="H394" s="50" t="s">
        <v>1279</v>
      </c>
      <c r="I394" s="49" t="s">
        <v>1259</v>
      </c>
      <c r="J394" s="50" t="s">
        <v>1284</v>
      </c>
      <c r="K394" s="50" t="s">
        <v>61</v>
      </c>
      <c r="L394" s="70" t="s">
        <v>85</v>
      </c>
      <c r="M394" s="49" t="s">
        <v>1259</v>
      </c>
      <c r="N394" s="2" t="s">
        <v>1281</v>
      </c>
    </row>
    <row r="395" spans="1:14" ht="83.4" customHeight="1" x14ac:dyDescent="0.2">
      <c r="A395" s="11" t="s">
        <v>1225</v>
      </c>
      <c r="B395" s="11" t="s">
        <v>1235</v>
      </c>
      <c r="C395" s="20" t="s">
        <v>99</v>
      </c>
      <c r="D395" s="11" t="s">
        <v>2151</v>
      </c>
      <c r="E395" s="69">
        <v>45945</v>
      </c>
      <c r="F395" s="69">
        <v>45949</v>
      </c>
      <c r="G395" s="50" t="s">
        <v>1227</v>
      </c>
      <c r="H395" s="50" t="s">
        <v>1228</v>
      </c>
      <c r="I395" s="50" t="s">
        <v>1229</v>
      </c>
      <c r="J395" s="50" t="s">
        <v>1236</v>
      </c>
      <c r="K395" s="50" t="s">
        <v>61</v>
      </c>
      <c r="L395" s="70" t="s">
        <v>62</v>
      </c>
      <c r="M395" s="50" t="s">
        <v>1231</v>
      </c>
      <c r="N395" s="2" t="s">
        <v>1232</v>
      </c>
    </row>
    <row r="396" spans="1:14" ht="83.4" customHeight="1" x14ac:dyDescent="0.2">
      <c r="A396" s="11" t="s">
        <v>13</v>
      </c>
      <c r="B396" s="11" t="s">
        <v>1264</v>
      </c>
      <c r="C396" s="20" t="s">
        <v>55</v>
      </c>
      <c r="D396" s="11" t="s">
        <v>1265</v>
      </c>
      <c r="E396" s="69">
        <v>45946</v>
      </c>
      <c r="F396" s="69">
        <v>45946</v>
      </c>
      <c r="G396" s="50" t="s">
        <v>1273</v>
      </c>
      <c r="H396" s="50" t="s">
        <v>1274</v>
      </c>
      <c r="I396" s="49" t="s">
        <v>1259</v>
      </c>
      <c r="J396" s="50" t="s">
        <v>1268</v>
      </c>
      <c r="K396" s="50" t="s">
        <v>61</v>
      </c>
      <c r="L396" s="70" t="s">
        <v>85</v>
      </c>
      <c r="M396" s="50" t="s">
        <v>1273</v>
      </c>
      <c r="N396" s="2" t="s">
        <v>1269</v>
      </c>
    </row>
    <row r="397" spans="1:14" ht="66" x14ac:dyDescent="0.2">
      <c r="A397" s="11" t="s">
        <v>13</v>
      </c>
      <c r="B397" s="11" t="s">
        <v>1264</v>
      </c>
      <c r="C397" s="20" t="s">
        <v>55</v>
      </c>
      <c r="D397" s="11" t="s">
        <v>1265</v>
      </c>
      <c r="E397" s="69">
        <v>45946</v>
      </c>
      <c r="F397" s="69">
        <v>45946</v>
      </c>
      <c r="G397" s="50" t="s">
        <v>1270</v>
      </c>
      <c r="H397" s="50" t="s">
        <v>1271</v>
      </c>
      <c r="I397" s="49" t="s">
        <v>1259</v>
      </c>
      <c r="J397" s="50" t="s">
        <v>1272</v>
      </c>
      <c r="K397" s="50" t="s">
        <v>61</v>
      </c>
      <c r="L397" s="70" t="s">
        <v>85</v>
      </c>
      <c r="M397" s="50" t="s">
        <v>1270</v>
      </c>
      <c r="N397" s="2" t="s">
        <v>1269</v>
      </c>
    </row>
    <row r="398" spans="1:14" ht="39.6" x14ac:dyDescent="0.2">
      <c r="A398" s="11" t="s">
        <v>13</v>
      </c>
      <c r="B398" s="11" t="s">
        <v>1285</v>
      </c>
      <c r="C398" s="20" t="s">
        <v>55</v>
      </c>
      <c r="D398" s="11" t="s">
        <v>1277</v>
      </c>
      <c r="E398" s="69">
        <v>45948</v>
      </c>
      <c r="F398" s="69">
        <v>45948</v>
      </c>
      <c r="G398" s="50" t="s">
        <v>1278</v>
      </c>
      <c r="H398" s="50" t="s">
        <v>1279</v>
      </c>
      <c r="I398" s="49" t="s">
        <v>1259</v>
      </c>
      <c r="J398" s="50" t="s">
        <v>1286</v>
      </c>
      <c r="K398" s="50" t="s">
        <v>61</v>
      </c>
      <c r="L398" s="70" t="s">
        <v>85</v>
      </c>
      <c r="M398" s="49" t="s">
        <v>1259</v>
      </c>
      <c r="N398" s="2" t="s">
        <v>1281</v>
      </c>
    </row>
    <row r="399" spans="1:14" ht="39.6" x14ac:dyDescent="0.2">
      <c r="A399" s="11" t="s">
        <v>13</v>
      </c>
      <c r="B399" s="11" t="s">
        <v>1295</v>
      </c>
      <c r="C399" s="20" t="s">
        <v>55</v>
      </c>
      <c r="D399" s="11" t="s">
        <v>1277</v>
      </c>
      <c r="E399" s="69">
        <v>45949</v>
      </c>
      <c r="F399" s="69">
        <v>45949</v>
      </c>
      <c r="G399" s="50" t="s">
        <v>1292</v>
      </c>
      <c r="H399" s="50" t="s">
        <v>1293</v>
      </c>
      <c r="I399" s="49" t="s">
        <v>1259</v>
      </c>
      <c r="J399" s="50" t="s">
        <v>1290</v>
      </c>
      <c r="K399" s="50" t="s">
        <v>61</v>
      </c>
      <c r="L399" s="70" t="s">
        <v>85</v>
      </c>
      <c r="M399" s="49" t="s">
        <v>1259</v>
      </c>
      <c r="N399" s="2" t="s">
        <v>1281</v>
      </c>
    </row>
    <row r="400" spans="1:14" ht="39.6" x14ac:dyDescent="0.2">
      <c r="A400" s="11" t="s">
        <v>13</v>
      </c>
      <c r="B400" s="11" t="s">
        <v>1296</v>
      </c>
      <c r="C400" s="20" t="s">
        <v>55</v>
      </c>
      <c r="D400" s="11" t="s">
        <v>1277</v>
      </c>
      <c r="E400" s="69">
        <v>45950</v>
      </c>
      <c r="F400" s="69">
        <v>45950</v>
      </c>
      <c r="G400" s="50" t="s">
        <v>1297</v>
      </c>
      <c r="H400" s="50" t="s">
        <v>1267</v>
      </c>
      <c r="I400" s="49" t="s">
        <v>1259</v>
      </c>
      <c r="J400" s="50" t="s">
        <v>1294</v>
      </c>
      <c r="K400" s="50" t="s">
        <v>61</v>
      </c>
      <c r="L400" s="70" t="s">
        <v>85</v>
      </c>
      <c r="M400" s="49" t="s">
        <v>1259</v>
      </c>
      <c r="N400" s="2" t="s">
        <v>1281</v>
      </c>
    </row>
    <row r="401" spans="1:14" ht="79.2" x14ac:dyDescent="0.2">
      <c r="A401" s="11" t="s">
        <v>13</v>
      </c>
      <c r="B401" s="11" t="s">
        <v>1298</v>
      </c>
      <c r="C401" s="20" t="s">
        <v>55</v>
      </c>
      <c r="D401" s="11" t="s">
        <v>1299</v>
      </c>
      <c r="E401" s="69">
        <v>45950</v>
      </c>
      <c r="F401" s="69">
        <v>45950</v>
      </c>
      <c r="G401" s="50" t="s">
        <v>1300</v>
      </c>
      <c r="H401" s="50" t="s">
        <v>1301</v>
      </c>
      <c r="I401" s="89" t="s">
        <v>1300</v>
      </c>
      <c r="J401" s="50" t="s">
        <v>1268</v>
      </c>
      <c r="K401" s="50" t="s">
        <v>61</v>
      </c>
      <c r="L401" s="70" t="s">
        <v>85</v>
      </c>
      <c r="M401" s="50" t="s">
        <v>1300</v>
      </c>
      <c r="N401" s="2" t="s">
        <v>1302</v>
      </c>
    </row>
    <row r="402" spans="1:14" ht="145.80000000000001" x14ac:dyDescent="0.2">
      <c r="A402" s="11" t="s">
        <v>1225</v>
      </c>
      <c r="B402" s="11" t="s">
        <v>1255</v>
      </c>
      <c r="C402" s="20" t="s">
        <v>99</v>
      </c>
      <c r="D402" s="11" t="s">
        <v>2152</v>
      </c>
      <c r="E402" s="69">
        <v>45952</v>
      </c>
      <c r="F402" s="69">
        <v>45952</v>
      </c>
      <c r="G402" s="50" t="s">
        <v>1253</v>
      </c>
      <c r="H402" s="50" t="s">
        <v>1228</v>
      </c>
      <c r="I402" s="50" t="s">
        <v>1229</v>
      </c>
      <c r="J402" s="50" t="s">
        <v>1222</v>
      </c>
      <c r="K402" s="50" t="s">
        <v>61</v>
      </c>
      <c r="L402" s="70" t="s">
        <v>85</v>
      </c>
      <c r="M402" s="50" t="s">
        <v>1229</v>
      </c>
      <c r="N402" s="2" t="s">
        <v>1254</v>
      </c>
    </row>
    <row r="403" spans="1:14" ht="162" x14ac:dyDescent="0.2">
      <c r="A403" s="11" t="s">
        <v>1225</v>
      </c>
      <c r="B403" s="11" t="s">
        <v>1246</v>
      </c>
      <c r="C403" s="20" t="s">
        <v>99</v>
      </c>
      <c r="D403" s="11" t="s">
        <v>2153</v>
      </c>
      <c r="E403" s="69">
        <v>45955</v>
      </c>
      <c r="F403" s="69">
        <v>45955</v>
      </c>
      <c r="G403" s="50" t="s">
        <v>1238</v>
      </c>
      <c r="H403" s="50" t="s">
        <v>1239</v>
      </c>
      <c r="I403" s="50" t="s">
        <v>1229</v>
      </c>
      <c r="J403" s="50" t="s">
        <v>1247</v>
      </c>
      <c r="K403" s="50" t="s">
        <v>61</v>
      </c>
      <c r="L403" s="70" t="s">
        <v>62</v>
      </c>
      <c r="M403" s="50" t="s">
        <v>1231</v>
      </c>
      <c r="N403" s="2" t="s">
        <v>1243</v>
      </c>
    </row>
    <row r="404" spans="1:14" ht="52.8" x14ac:dyDescent="0.2">
      <c r="A404" s="11" t="s">
        <v>13</v>
      </c>
      <c r="B404" s="11" t="s">
        <v>1287</v>
      </c>
      <c r="C404" s="20" t="s">
        <v>55</v>
      </c>
      <c r="D404" s="11" t="s">
        <v>1277</v>
      </c>
      <c r="E404" s="69">
        <v>45955</v>
      </c>
      <c r="F404" s="69">
        <v>45955</v>
      </c>
      <c r="G404" s="50" t="s">
        <v>1288</v>
      </c>
      <c r="H404" s="50" t="s">
        <v>1289</v>
      </c>
      <c r="I404" s="49" t="s">
        <v>1259</v>
      </c>
      <c r="J404" s="50" t="s">
        <v>1290</v>
      </c>
      <c r="K404" s="50" t="s">
        <v>61</v>
      </c>
      <c r="L404" s="70" t="s">
        <v>85</v>
      </c>
      <c r="M404" s="49" t="s">
        <v>1259</v>
      </c>
      <c r="N404" s="2" t="s">
        <v>1281</v>
      </c>
    </row>
    <row r="405" spans="1:14" ht="162" x14ac:dyDescent="0.2">
      <c r="A405" s="11" t="s">
        <v>1225</v>
      </c>
      <c r="B405" s="11" t="s">
        <v>1241</v>
      </c>
      <c r="C405" s="20" t="s">
        <v>99</v>
      </c>
      <c r="D405" s="11" t="s">
        <v>2154</v>
      </c>
      <c r="E405" s="69">
        <v>45955</v>
      </c>
      <c r="F405" s="69">
        <v>45956</v>
      </c>
      <c r="G405" s="50" t="s">
        <v>1227</v>
      </c>
      <c r="H405" s="50" t="s">
        <v>1228</v>
      </c>
      <c r="I405" s="50" t="s">
        <v>1229</v>
      </c>
      <c r="J405" s="50" t="s">
        <v>1242</v>
      </c>
      <c r="K405" s="50" t="s">
        <v>61</v>
      </c>
      <c r="L405" s="70" t="s">
        <v>62</v>
      </c>
      <c r="M405" s="50" t="s">
        <v>1231</v>
      </c>
      <c r="N405" s="2" t="s">
        <v>1243</v>
      </c>
    </row>
    <row r="406" spans="1:14" ht="90.6" customHeight="1" x14ac:dyDescent="0.2">
      <c r="A406" s="11" t="s">
        <v>13</v>
      </c>
      <c r="B406" s="11" t="s">
        <v>1257</v>
      </c>
      <c r="C406" s="20" t="s">
        <v>55</v>
      </c>
      <c r="D406" s="11" t="s">
        <v>1258</v>
      </c>
      <c r="E406" s="69">
        <v>45957</v>
      </c>
      <c r="F406" s="69">
        <v>45957</v>
      </c>
      <c r="G406" s="50" t="s">
        <v>1259</v>
      </c>
      <c r="H406" s="50" t="s">
        <v>1260</v>
      </c>
      <c r="I406" s="49" t="s">
        <v>1259</v>
      </c>
      <c r="J406" s="50" t="s">
        <v>1261</v>
      </c>
      <c r="K406" s="50" t="s">
        <v>61</v>
      </c>
      <c r="L406" s="70" t="s">
        <v>62</v>
      </c>
      <c r="M406" s="50" t="s">
        <v>1262</v>
      </c>
      <c r="N406" s="2" t="s">
        <v>1263</v>
      </c>
    </row>
    <row r="407" spans="1:14" ht="66" x14ac:dyDescent="0.2">
      <c r="A407" s="11" t="s">
        <v>13</v>
      </c>
      <c r="B407" s="11" t="s">
        <v>2155</v>
      </c>
      <c r="C407" s="20" t="s">
        <v>55</v>
      </c>
      <c r="D407" s="11" t="s">
        <v>1275</v>
      </c>
      <c r="E407" s="69">
        <v>45960</v>
      </c>
      <c r="F407" s="69">
        <v>45960</v>
      </c>
      <c r="G407" s="50" t="s">
        <v>1266</v>
      </c>
      <c r="H407" s="50" t="s">
        <v>1267</v>
      </c>
      <c r="I407" s="49" t="s">
        <v>1259</v>
      </c>
      <c r="J407" s="50" t="s">
        <v>1268</v>
      </c>
      <c r="K407" s="50" t="s">
        <v>61</v>
      </c>
      <c r="L407" s="70" t="s">
        <v>85</v>
      </c>
      <c r="M407" s="50" t="s">
        <v>1266</v>
      </c>
      <c r="N407" s="2" t="s">
        <v>1269</v>
      </c>
    </row>
    <row r="408" spans="1:14" ht="39.6" x14ac:dyDescent="0.2">
      <c r="A408" s="11" t="s">
        <v>13</v>
      </c>
      <c r="B408" s="11" t="s">
        <v>1291</v>
      </c>
      <c r="C408" s="20" t="s">
        <v>55</v>
      </c>
      <c r="D408" s="11" t="s">
        <v>1277</v>
      </c>
      <c r="E408" s="69">
        <v>45962</v>
      </c>
      <c r="F408" s="69">
        <v>45962</v>
      </c>
      <c r="G408" s="50" t="s">
        <v>1292</v>
      </c>
      <c r="H408" s="50" t="s">
        <v>1293</v>
      </c>
      <c r="I408" s="49" t="s">
        <v>1259</v>
      </c>
      <c r="J408" s="50" t="s">
        <v>1294</v>
      </c>
      <c r="K408" s="50" t="s">
        <v>61</v>
      </c>
      <c r="L408" s="70" t="s">
        <v>85</v>
      </c>
      <c r="M408" s="49" t="s">
        <v>1259</v>
      </c>
      <c r="N408" s="2" t="s">
        <v>1281</v>
      </c>
    </row>
    <row r="409" spans="1:14" ht="162" x14ac:dyDescent="0.2">
      <c r="A409" s="11" t="s">
        <v>1225</v>
      </c>
      <c r="B409" s="11" t="s">
        <v>1248</v>
      </c>
      <c r="C409" s="20" t="s">
        <v>99</v>
      </c>
      <c r="D409" s="11" t="s">
        <v>2156</v>
      </c>
      <c r="E409" s="69">
        <v>45963</v>
      </c>
      <c r="F409" s="69">
        <v>45964</v>
      </c>
      <c r="G409" s="50" t="s">
        <v>1238</v>
      </c>
      <c r="H409" s="50" t="s">
        <v>1239</v>
      </c>
      <c r="I409" s="50" t="s">
        <v>1229</v>
      </c>
      <c r="J409" s="50" t="s">
        <v>1249</v>
      </c>
      <c r="K409" s="50" t="s">
        <v>61</v>
      </c>
      <c r="L409" s="70" t="s">
        <v>62</v>
      </c>
      <c r="M409" s="50" t="s">
        <v>1231</v>
      </c>
      <c r="N409" s="2" t="s">
        <v>1243</v>
      </c>
    </row>
    <row r="410" spans="1:14" ht="162" x14ac:dyDescent="0.2">
      <c r="A410" s="11" t="s">
        <v>1225</v>
      </c>
      <c r="B410" s="11" t="s">
        <v>1250</v>
      </c>
      <c r="C410" s="20" t="s">
        <v>99</v>
      </c>
      <c r="D410" s="11" t="s">
        <v>2157</v>
      </c>
      <c r="E410" s="69">
        <v>45963</v>
      </c>
      <c r="F410" s="69">
        <v>45964</v>
      </c>
      <c r="G410" s="50" t="s">
        <v>1251</v>
      </c>
      <c r="H410" s="50" t="s">
        <v>1239</v>
      </c>
      <c r="I410" s="50" t="s">
        <v>1229</v>
      </c>
      <c r="J410" s="50" t="s">
        <v>1247</v>
      </c>
      <c r="K410" s="50" t="s">
        <v>61</v>
      </c>
      <c r="L410" s="70" t="s">
        <v>62</v>
      </c>
      <c r="M410" s="50" t="s">
        <v>1231</v>
      </c>
      <c r="N410" s="2" t="s">
        <v>1243</v>
      </c>
    </row>
    <row r="411" spans="1:14" ht="162" x14ac:dyDescent="0.2">
      <c r="A411" s="11" t="s">
        <v>1225</v>
      </c>
      <c r="B411" s="11" t="s">
        <v>1244</v>
      </c>
      <c r="C411" s="20" t="s">
        <v>99</v>
      </c>
      <c r="D411" s="11" t="s">
        <v>2158</v>
      </c>
      <c r="E411" s="69">
        <v>45966</v>
      </c>
      <c r="F411" s="69">
        <v>45970</v>
      </c>
      <c r="G411" s="50" t="s">
        <v>1227</v>
      </c>
      <c r="H411" s="50" t="s">
        <v>1228</v>
      </c>
      <c r="I411" s="50" t="s">
        <v>1229</v>
      </c>
      <c r="J411" s="50" t="s">
        <v>1242</v>
      </c>
      <c r="K411" s="50" t="s">
        <v>61</v>
      </c>
      <c r="L411" s="70" t="s">
        <v>62</v>
      </c>
      <c r="M411" s="50" t="s">
        <v>1231</v>
      </c>
      <c r="N411" s="2" t="s">
        <v>1243</v>
      </c>
    </row>
    <row r="412" spans="1:14" ht="39.6" x14ac:dyDescent="0.2">
      <c r="A412" s="11" t="s">
        <v>13</v>
      </c>
      <c r="B412" s="11" t="s">
        <v>1276</v>
      </c>
      <c r="C412" s="20" t="s">
        <v>55</v>
      </c>
      <c r="D412" s="11" t="s">
        <v>1277</v>
      </c>
      <c r="E412" s="69">
        <v>45967</v>
      </c>
      <c r="F412" s="69">
        <v>45967</v>
      </c>
      <c r="G412" s="50" t="s">
        <v>1278</v>
      </c>
      <c r="H412" s="50" t="s">
        <v>1279</v>
      </c>
      <c r="I412" s="49" t="s">
        <v>1259</v>
      </c>
      <c r="J412" s="50" t="s">
        <v>1282</v>
      </c>
      <c r="K412" s="50" t="s">
        <v>61</v>
      </c>
      <c r="L412" s="70" t="s">
        <v>85</v>
      </c>
      <c r="M412" s="49" t="s">
        <v>1259</v>
      </c>
      <c r="N412" s="2" t="s">
        <v>1281</v>
      </c>
    </row>
    <row r="413" spans="1:14" ht="39.6" x14ac:dyDescent="0.2">
      <c r="A413" s="11" t="s">
        <v>13</v>
      </c>
      <c r="B413" s="11" t="s">
        <v>1283</v>
      </c>
      <c r="C413" s="20" t="s">
        <v>55</v>
      </c>
      <c r="D413" s="11" t="s">
        <v>1277</v>
      </c>
      <c r="E413" s="69">
        <v>45969</v>
      </c>
      <c r="F413" s="69">
        <v>45969</v>
      </c>
      <c r="G413" s="50" t="s">
        <v>1259</v>
      </c>
      <c r="H413" s="50" t="s">
        <v>1279</v>
      </c>
      <c r="I413" s="49" t="s">
        <v>1259</v>
      </c>
      <c r="J413" s="50" t="s">
        <v>1284</v>
      </c>
      <c r="K413" s="50" t="s">
        <v>61</v>
      </c>
      <c r="L413" s="70" t="s">
        <v>85</v>
      </c>
      <c r="M413" s="49" t="s">
        <v>1259</v>
      </c>
      <c r="N413" s="2" t="s">
        <v>1281</v>
      </c>
    </row>
    <row r="414" spans="1:14" ht="145.80000000000001" x14ac:dyDescent="0.2">
      <c r="A414" s="11" t="s">
        <v>1225</v>
      </c>
      <c r="B414" s="11" t="s">
        <v>1256</v>
      </c>
      <c r="C414" s="20" t="s">
        <v>99</v>
      </c>
      <c r="D414" s="11" t="s">
        <v>2159</v>
      </c>
      <c r="E414" s="69">
        <v>45972</v>
      </c>
      <c r="F414" s="69">
        <v>45972</v>
      </c>
      <c r="G414" s="50" t="s">
        <v>1253</v>
      </c>
      <c r="H414" s="50" t="s">
        <v>1228</v>
      </c>
      <c r="I414" s="50" t="s">
        <v>1229</v>
      </c>
      <c r="J414" s="50" t="s">
        <v>1222</v>
      </c>
      <c r="K414" s="50" t="s">
        <v>61</v>
      </c>
      <c r="L414" s="70" t="s">
        <v>85</v>
      </c>
      <c r="M414" s="50" t="s">
        <v>1229</v>
      </c>
      <c r="N414" s="2" t="s">
        <v>1254</v>
      </c>
    </row>
    <row r="415" spans="1:14" ht="162" x14ac:dyDescent="0.2">
      <c r="A415" s="11" t="s">
        <v>1225</v>
      </c>
      <c r="B415" s="11" t="s">
        <v>1237</v>
      </c>
      <c r="C415" s="20" t="s">
        <v>99</v>
      </c>
      <c r="D415" s="11" t="s">
        <v>2160</v>
      </c>
      <c r="E415" s="69">
        <v>45976</v>
      </c>
      <c r="F415" s="69">
        <v>45976</v>
      </c>
      <c r="G415" s="50" t="s">
        <v>1238</v>
      </c>
      <c r="H415" s="50" t="s">
        <v>1239</v>
      </c>
      <c r="I415" s="50" t="s">
        <v>1229</v>
      </c>
      <c r="J415" s="50" t="s">
        <v>1240</v>
      </c>
      <c r="K415" s="50" t="s">
        <v>61</v>
      </c>
      <c r="L415" s="70" t="s">
        <v>62</v>
      </c>
      <c r="M415" s="50" t="s">
        <v>1231</v>
      </c>
      <c r="N415" s="2" t="s">
        <v>1232</v>
      </c>
    </row>
    <row r="416" spans="1:14" ht="39.6" x14ac:dyDescent="0.2">
      <c r="A416" s="11" t="s">
        <v>13</v>
      </c>
      <c r="B416" s="11" t="s">
        <v>1285</v>
      </c>
      <c r="C416" s="20" t="s">
        <v>55</v>
      </c>
      <c r="D416" s="11" t="s">
        <v>1277</v>
      </c>
      <c r="E416" s="69">
        <v>45976</v>
      </c>
      <c r="F416" s="69">
        <v>45976</v>
      </c>
      <c r="G416" s="50" t="s">
        <v>1259</v>
      </c>
      <c r="H416" s="50" t="s">
        <v>1279</v>
      </c>
      <c r="I416" s="49" t="s">
        <v>1259</v>
      </c>
      <c r="J416" s="50" t="s">
        <v>1286</v>
      </c>
      <c r="K416" s="50" t="s">
        <v>61</v>
      </c>
      <c r="L416" s="70" t="s">
        <v>85</v>
      </c>
      <c r="M416" s="49" t="s">
        <v>1259</v>
      </c>
      <c r="N416" s="2" t="s">
        <v>1281</v>
      </c>
    </row>
    <row r="417" spans="1:14" ht="162" x14ac:dyDescent="0.2">
      <c r="A417" s="11" t="s">
        <v>1225</v>
      </c>
      <c r="B417" s="11" t="s">
        <v>1245</v>
      </c>
      <c r="C417" s="20" t="s">
        <v>99</v>
      </c>
      <c r="D417" s="11" t="s">
        <v>2161</v>
      </c>
      <c r="E417" s="69">
        <v>45976</v>
      </c>
      <c r="F417" s="69">
        <v>45980</v>
      </c>
      <c r="G417" s="50" t="s">
        <v>1227</v>
      </c>
      <c r="H417" s="50" t="s">
        <v>1228</v>
      </c>
      <c r="I417" s="50" t="s">
        <v>1229</v>
      </c>
      <c r="J417" s="50" t="s">
        <v>1242</v>
      </c>
      <c r="K417" s="50" t="s">
        <v>61</v>
      </c>
      <c r="L417" s="70" t="s">
        <v>62</v>
      </c>
      <c r="M417" s="50" t="s">
        <v>1231</v>
      </c>
      <c r="N417" s="2" t="s">
        <v>1243</v>
      </c>
    </row>
    <row r="418" spans="1:14" ht="39.6" x14ac:dyDescent="0.2">
      <c r="A418" s="11" t="s">
        <v>13</v>
      </c>
      <c r="B418" s="11" t="s">
        <v>1295</v>
      </c>
      <c r="C418" s="20" t="s">
        <v>55</v>
      </c>
      <c r="D418" s="11" t="s">
        <v>1277</v>
      </c>
      <c r="E418" s="69">
        <v>45977</v>
      </c>
      <c r="F418" s="69">
        <v>45977</v>
      </c>
      <c r="G418" s="50" t="s">
        <v>1292</v>
      </c>
      <c r="H418" s="50" t="s">
        <v>1293</v>
      </c>
      <c r="I418" s="49" t="s">
        <v>1259</v>
      </c>
      <c r="J418" s="50" t="s">
        <v>1290</v>
      </c>
      <c r="K418" s="50" t="s">
        <v>61</v>
      </c>
      <c r="L418" s="70" t="s">
        <v>85</v>
      </c>
      <c r="M418" s="49" t="s">
        <v>1259</v>
      </c>
      <c r="N418" s="2" t="s">
        <v>1281</v>
      </c>
    </row>
    <row r="419" spans="1:14" ht="39.6" x14ac:dyDescent="0.2">
      <c r="A419" s="11" t="s">
        <v>13</v>
      </c>
      <c r="B419" s="11" t="s">
        <v>1296</v>
      </c>
      <c r="C419" s="20" t="s">
        <v>55</v>
      </c>
      <c r="D419" s="11" t="s">
        <v>1277</v>
      </c>
      <c r="E419" s="69">
        <v>45978</v>
      </c>
      <c r="F419" s="69">
        <v>45978</v>
      </c>
      <c r="G419" s="50" t="s">
        <v>1297</v>
      </c>
      <c r="H419" s="50" t="s">
        <v>1267</v>
      </c>
      <c r="I419" s="49" t="s">
        <v>1259</v>
      </c>
      <c r="J419" s="50" t="s">
        <v>1294</v>
      </c>
      <c r="K419" s="50" t="s">
        <v>61</v>
      </c>
      <c r="L419" s="70" t="s">
        <v>85</v>
      </c>
      <c r="M419" s="49" t="s">
        <v>1259</v>
      </c>
      <c r="N419" s="2" t="s">
        <v>1281</v>
      </c>
    </row>
    <row r="420" spans="1:14" ht="64.8" x14ac:dyDescent="0.2">
      <c r="A420" s="11" t="s">
        <v>13</v>
      </c>
      <c r="B420" s="11" t="s">
        <v>1303</v>
      </c>
      <c r="C420" s="20" t="s">
        <v>55</v>
      </c>
      <c r="D420" s="11" t="s">
        <v>1299</v>
      </c>
      <c r="E420" s="80" t="s">
        <v>1304</v>
      </c>
      <c r="F420" s="80" t="s">
        <v>1304</v>
      </c>
      <c r="G420" s="50" t="s">
        <v>1305</v>
      </c>
      <c r="H420" s="50" t="s">
        <v>1306</v>
      </c>
      <c r="I420" s="89" t="s">
        <v>1300</v>
      </c>
      <c r="J420" s="50" t="s">
        <v>1268</v>
      </c>
      <c r="K420" s="50" t="s">
        <v>61</v>
      </c>
      <c r="L420" s="70" t="s">
        <v>85</v>
      </c>
      <c r="M420" s="50" t="s">
        <v>1300</v>
      </c>
      <c r="N420" s="2" t="s">
        <v>1302</v>
      </c>
    </row>
    <row r="421" spans="1:14" ht="39.6" x14ac:dyDescent="0.2">
      <c r="A421" s="11" t="s">
        <v>1307</v>
      </c>
      <c r="B421" s="11" t="s">
        <v>1308</v>
      </c>
      <c r="C421" s="20" t="s">
        <v>99</v>
      </c>
      <c r="D421" s="11" t="s">
        <v>1309</v>
      </c>
      <c r="E421" s="69">
        <v>45935</v>
      </c>
      <c r="F421" s="69">
        <v>45935</v>
      </c>
      <c r="G421" s="50" t="s">
        <v>1310</v>
      </c>
      <c r="H421" s="50" t="s">
        <v>1311</v>
      </c>
      <c r="I421" s="49" t="s">
        <v>1312</v>
      </c>
      <c r="J421" s="50" t="s">
        <v>1313</v>
      </c>
      <c r="K421" s="50" t="s">
        <v>981</v>
      </c>
      <c r="L421" s="70" t="s">
        <v>85</v>
      </c>
      <c r="M421" s="50" t="s">
        <v>1314</v>
      </c>
      <c r="N421" s="5"/>
    </row>
    <row r="422" spans="1:14" ht="52.8" x14ac:dyDescent="0.2">
      <c r="A422" s="11" t="s">
        <v>1307</v>
      </c>
      <c r="B422" s="11" t="s">
        <v>1315</v>
      </c>
      <c r="C422" s="20" t="s">
        <v>99</v>
      </c>
      <c r="D422" s="11" t="s">
        <v>1316</v>
      </c>
      <c r="E422" s="69">
        <v>45946</v>
      </c>
      <c r="F422" s="69">
        <v>45978</v>
      </c>
      <c r="G422" s="50" t="s">
        <v>1317</v>
      </c>
      <c r="H422" s="50" t="s">
        <v>1318</v>
      </c>
      <c r="I422" s="50" t="s">
        <v>1319</v>
      </c>
      <c r="J422" s="50" t="s">
        <v>1320</v>
      </c>
      <c r="K422" s="50" t="s">
        <v>61</v>
      </c>
      <c r="L422" s="70" t="s">
        <v>85</v>
      </c>
      <c r="M422" s="50" t="s">
        <v>1319</v>
      </c>
      <c r="N422" s="5"/>
    </row>
    <row r="423" spans="1:14" ht="303.60000000000002" x14ac:dyDescent="0.2">
      <c r="A423" s="4" t="s">
        <v>14</v>
      </c>
      <c r="B423" s="4" t="s">
        <v>88</v>
      </c>
      <c r="C423" s="6" t="s">
        <v>89</v>
      </c>
      <c r="D423" s="4" t="s">
        <v>90</v>
      </c>
      <c r="E423" s="9">
        <v>45964</v>
      </c>
      <c r="F423" s="9">
        <v>45964</v>
      </c>
      <c r="G423" s="39" t="s">
        <v>91</v>
      </c>
      <c r="H423" s="39" t="s">
        <v>92</v>
      </c>
      <c r="I423" s="39" t="s">
        <v>93</v>
      </c>
      <c r="J423" s="39" t="s">
        <v>94</v>
      </c>
      <c r="K423" s="39" t="s">
        <v>61</v>
      </c>
      <c r="L423" s="10" t="s">
        <v>62</v>
      </c>
      <c r="M423" s="39" t="s">
        <v>95</v>
      </c>
      <c r="N423" s="2" t="s">
        <v>96</v>
      </c>
    </row>
    <row r="424" spans="1:14" ht="66" x14ac:dyDescent="0.2">
      <c r="A424" s="11" t="s">
        <v>1321</v>
      </c>
      <c r="B424" s="11" t="s">
        <v>1322</v>
      </c>
      <c r="C424" s="20" t="s">
        <v>600</v>
      </c>
      <c r="D424" s="11" t="s">
        <v>1323</v>
      </c>
      <c r="E424" s="69">
        <v>45943</v>
      </c>
      <c r="F424" s="69">
        <v>45943</v>
      </c>
      <c r="G424" s="50" t="s">
        <v>1324</v>
      </c>
      <c r="H424" s="50" t="s">
        <v>1325</v>
      </c>
      <c r="I424" s="49" t="s">
        <v>1326</v>
      </c>
      <c r="J424" s="50" t="s">
        <v>1327</v>
      </c>
      <c r="K424" s="50" t="s">
        <v>61</v>
      </c>
      <c r="L424" s="70" t="s">
        <v>85</v>
      </c>
      <c r="M424" s="50" t="s">
        <v>1328</v>
      </c>
      <c r="N424" s="5"/>
    </row>
    <row r="425" spans="1:14" ht="178.2" x14ac:dyDescent="0.2">
      <c r="A425" s="11" t="s">
        <v>15</v>
      </c>
      <c r="B425" s="11" t="s">
        <v>1329</v>
      </c>
      <c r="C425" s="20" t="s">
        <v>55</v>
      </c>
      <c r="D425" s="11" t="s">
        <v>1330</v>
      </c>
      <c r="E425" s="69">
        <v>45962</v>
      </c>
      <c r="F425" s="69">
        <v>45962</v>
      </c>
      <c r="G425" s="50" t="s">
        <v>1331</v>
      </c>
      <c r="H425" s="50" t="s">
        <v>1325</v>
      </c>
      <c r="I425" s="49" t="s">
        <v>1332</v>
      </c>
      <c r="J425" s="50" t="s">
        <v>125</v>
      </c>
      <c r="K425" s="50" t="s">
        <v>61</v>
      </c>
      <c r="L425" s="70" t="s">
        <v>62</v>
      </c>
      <c r="M425" s="50" t="s">
        <v>1333</v>
      </c>
      <c r="N425" s="2" t="s">
        <v>1334</v>
      </c>
    </row>
    <row r="426" spans="1:14" ht="97.2" x14ac:dyDescent="0.2">
      <c r="A426" s="14" t="s">
        <v>16</v>
      </c>
      <c r="B426" s="14" t="s">
        <v>1996</v>
      </c>
      <c r="C426" s="15" t="s">
        <v>99</v>
      </c>
      <c r="D426" s="14" t="s">
        <v>1997</v>
      </c>
      <c r="E426" s="33">
        <v>45954</v>
      </c>
      <c r="F426" s="33">
        <v>45956</v>
      </c>
      <c r="G426" s="13" t="s">
        <v>1998</v>
      </c>
      <c r="H426" s="13" t="s">
        <v>1999</v>
      </c>
      <c r="I426" s="13" t="s">
        <v>2000</v>
      </c>
      <c r="J426" s="13" t="s">
        <v>1045</v>
      </c>
      <c r="K426" s="13" t="s">
        <v>61</v>
      </c>
      <c r="L426" s="17" t="s">
        <v>85</v>
      </c>
      <c r="M426" s="13" t="s">
        <v>2001</v>
      </c>
      <c r="N426" s="2" t="s">
        <v>2002</v>
      </c>
    </row>
    <row r="427" spans="1:14" ht="97.2" x14ac:dyDescent="0.2">
      <c r="A427" s="14" t="s">
        <v>16</v>
      </c>
      <c r="B427" s="14" t="s">
        <v>2003</v>
      </c>
      <c r="C427" s="15" t="s">
        <v>99</v>
      </c>
      <c r="D427" s="14" t="s">
        <v>2004</v>
      </c>
      <c r="E427" s="33">
        <v>45955</v>
      </c>
      <c r="F427" s="33">
        <v>45956</v>
      </c>
      <c r="G427" s="13" t="s">
        <v>1998</v>
      </c>
      <c r="H427" s="13" t="s">
        <v>1999</v>
      </c>
      <c r="I427" s="13" t="s">
        <v>2005</v>
      </c>
      <c r="J427" s="13" t="s">
        <v>1045</v>
      </c>
      <c r="K427" s="13" t="s">
        <v>61</v>
      </c>
      <c r="L427" s="17" t="s">
        <v>85</v>
      </c>
      <c r="M427" s="13" t="s">
        <v>2001</v>
      </c>
      <c r="N427" s="2" t="s">
        <v>2002</v>
      </c>
    </row>
    <row r="428" spans="1:14" ht="97.2" x14ac:dyDescent="0.2">
      <c r="A428" s="14" t="s">
        <v>16</v>
      </c>
      <c r="B428" s="14" t="s">
        <v>2006</v>
      </c>
      <c r="C428" s="15" t="s">
        <v>99</v>
      </c>
      <c r="D428" s="14" t="s">
        <v>2007</v>
      </c>
      <c r="E428" s="33">
        <v>45962</v>
      </c>
      <c r="F428" s="33">
        <v>45963</v>
      </c>
      <c r="G428" s="13" t="s">
        <v>1998</v>
      </c>
      <c r="H428" s="13" t="s">
        <v>1999</v>
      </c>
      <c r="I428" s="13" t="s">
        <v>2008</v>
      </c>
      <c r="J428" s="13" t="s">
        <v>2009</v>
      </c>
      <c r="K428" s="13" t="s">
        <v>70</v>
      </c>
      <c r="L428" s="17" t="s">
        <v>62</v>
      </c>
      <c r="M428" s="13" t="s">
        <v>2001</v>
      </c>
      <c r="N428" s="2" t="s">
        <v>2002</v>
      </c>
    </row>
    <row r="429" spans="1:14" ht="97.2" x14ac:dyDescent="0.2">
      <c r="A429" s="14" t="s">
        <v>16</v>
      </c>
      <c r="B429" s="14" t="s">
        <v>2010</v>
      </c>
      <c r="C429" s="15" t="s">
        <v>99</v>
      </c>
      <c r="D429" s="14" t="s">
        <v>2011</v>
      </c>
      <c r="E429" s="33">
        <v>45970</v>
      </c>
      <c r="F429" s="33">
        <v>45970</v>
      </c>
      <c r="G429" s="13" t="s">
        <v>1998</v>
      </c>
      <c r="H429" s="13" t="s">
        <v>1999</v>
      </c>
      <c r="I429" s="13" t="s">
        <v>2012</v>
      </c>
      <c r="J429" s="13" t="s">
        <v>1045</v>
      </c>
      <c r="K429" s="13" t="s">
        <v>70</v>
      </c>
      <c r="L429" s="17" t="s">
        <v>85</v>
      </c>
      <c r="M429" s="13" t="s">
        <v>2001</v>
      </c>
      <c r="N429" s="2" t="s">
        <v>2002</v>
      </c>
    </row>
    <row r="430" spans="1:14" ht="115.2" customHeight="1" x14ac:dyDescent="0.2">
      <c r="A430" s="14" t="s">
        <v>16</v>
      </c>
      <c r="B430" s="14" t="s">
        <v>2013</v>
      </c>
      <c r="C430" s="15" t="s">
        <v>600</v>
      </c>
      <c r="D430" s="14" t="s">
        <v>2014</v>
      </c>
      <c r="E430" s="33">
        <v>45976</v>
      </c>
      <c r="F430" s="33">
        <v>45977</v>
      </c>
      <c r="G430" s="13" t="s">
        <v>1998</v>
      </c>
      <c r="H430" s="13" t="s">
        <v>1999</v>
      </c>
      <c r="I430" s="13" t="s">
        <v>2005</v>
      </c>
      <c r="J430" s="13" t="s">
        <v>1045</v>
      </c>
      <c r="K430" s="13" t="s">
        <v>61</v>
      </c>
      <c r="L430" s="17" t="s">
        <v>85</v>
      </c>
      <c r="M430" s="13" t="s">
        <v>2001</v>
      </c>
      <c r="N430" s="2" t="s">
        <v>2002</v>
      </c>
    </row>
    <row r="431" spans="1:14" ht="67.95" customHeight="1" x14ac:dyDescent="0.2">
      <c r="A431" s="4" t="s">
        <v>17</v>
      </c>
      <c r="B431" s="4" t="s">
        <v>1342</v>
      </c>
      <c r="C431" s="6" t="s">
        <v>600</v>
      </c>
      <c r="D431" s="4" t="s">
        <v>1343</v>
      </c>
      <c r="E431" s="9">
        <v>45919</v>
      </c>
      <c r="F431" s="9">
        <v>45938</v>
      </c>
      <c r="G431" s="39" t="s">
        <v>1344</v>
      </c>
      <c r="H431" s="43" t="s">
        <v>1345</v>
      </c>
      <c r="I431" s="39" t="s">
        <v>1346</v>
      </c>
      <c r="J431" s="39" t="s">
        <v>1347</v>
      </c>
      <c r="K431" s="39" t="s">
        <v>61</v>
      </c>
      <c r="L431" s="10" t="s">
        <v>62</v>
      </c>
      <c r="M431" s="39" t="s">
        <v>1341</v>
      </c>
      <c r="N431" s="5"/>
    </row>
    <row r="432" spans="1:14" ht="67.95" customHeight="1" x14ac:dyDescent="0.2">
      <c r="A432" s="4" t="s">
        <v>17</v>
      </c>
      <c r="B432" s="4" t="s">
        <v>1335</v>
      </c>
      <c r="C432" s="6" t="s">
        <v>55</v>
      </c>
      <c r="D432" s="4" t="s">
        <v>1336</v>
      </c>
      <c r="E432" s="9">
        <v>45920</v>
      </c>
      <c r="F432" s="9">
        <v>45921</v>
      </c>
      <c r="G432" s="39" t="s">
        <v>1337</v>
      </c>
      <c r="H432" s="43" t="s">
        <v>1338</v>
      </c>
      <c r="I432" s="39" t="s">
        <v>1339</v>
      </c>
      <c r="J432" s="39" t="s">
        <v>1340</v>
      </c>
      <c r="K432" s="39" t="s">
        <v>70</v>
      </c>
      <c r="L432" s="10" t="s">
        <v>62</v>
      </c>
      <c r="M432" s="39" t="s">
        <v>1341</v>
      </c>
      <c r="N432" s="5"/>
    </row>
    <row r="433" spans="1:14" ht="67.95" customHeight="1" x14ac:dyDescent="0.2">
      <c r="A433" s="4" t="s">
        <v>17</v>
      </c>
      <c r="B433" s="4" t="s">
        <v>1348</v>
      </c>
      <c r="C433" s="6" t="s">
        <v>55</v>
      </c>
      <c r="D433" s="4" t="s">
        <v>1349</v>
      </c>
      <c r="E433" s="9">
        <v>45926</v>
      </c>
      <c r="F433" s="9">
        <v>45975</v>
      </c>
      <c r="G433" s="39" t="s">
        <v>1350</v>
      </c>
      <c r="H433" s="43" t="s">
        <v>1345</v>
      </c>
      <c r="I433" s="39" t="s">
        <v>1351</v>
      </c>
      <c r="J433" s="43" t="s">
        <v>1352</v>
      </c>
      <c r="K433" s="39" t="s">
        <v>61</v>
      </c>
      <c r="L433" s="10" t="s">
        <v>62</v>
      </c>
      <c r="M433" s="39" t="s">
        <v>1341</v>
      </c>
      <c r="N433" s="5"/>
    </row>
    <row r="434" spans="1:14" ht="67.95" customHeight="1" x14ac:dyDescent="0.2">
      <c r="A434" s="4" t="s">
        <v>17</v>
      </c>
      <c r="B434" s="4" t="s">
        <v>1353</v>
      </c>
      <c r="C434" s="6" t="s">
        <v>600</v>
      </c>
      <c r="D434" s="3" t="s">
        <v>1354</v>
      </c>
      <c r="E434" s="9">
        <v>45928</v>
      </c>
      <c r="F434" s="9">
        <v>45928</v>
      </c>
      <c r="G434" s="39" t="s">
        <v>1344</v>
      </c>
      <c r="H434" s="43" t="s">
        <v>1345</v>
      </c>
      <c r="I434" s="39" t="s">
        <v>1346</v>
      </c>
      <c r="J434" s="39" t="s">
        <v>1347</v>
      </c>
      <c r="K434" s="39" t="s">
        <v>61</v>
      </c>
      <c r="L434" s="10" t="s">
        <v>62</v>
      </c>
      <c r="M434" s="39" t="s">
        <v>1341</v>
      </c>
      <c r="N434" s="5"/>
    </row>
    <row r="435" spans="1:14" ht="67.95" customHeight="1" x14ac:dyDescent="0.2">
      <c r="A435" s="4" t="s">
        <v>17</v>
      </c>
      <c r="B435" s="4" t="s">
        <v>1355</v>
      </c>
      <c r="C435" s="6" t="s">
        <v>80</v>
      </c>
      <c r="D435" s="4" t="s">
        <v>1356</v>
      </c>
      <c r="E435" s="9">
        <v>45933</v>
      </c>
      <c r="F435" s="9">
        <v>45933</v>
      </c>
      <c r="G435" s="39" t="s">
        <v>1357</v>
      </c>
      <c r="H435" s="43" t="s">
        <v>1345</v>
      </c>
      <c r="I435" s="39" t="s">
        <v>1357</v>
      </c>
      <c r="J435" s="39" t="s">
        <v>1358</v>
      </c>
      <c r="K435" s="39" t="s">
        <v>61</v>
      </c>
      <c r="L435" s="10" t="s">
        <v>85</v>
      </c>
      <c r="M435" s="39" t="s">
        <v>1359</v>
      </c>
      <c r="N435" s="5"/>
    </row>
    <row r="436" spans="1:14" ht="67.95" customHeight="1" x14ac:dyDescent="0.2">
      <c r="A436" s="4" t="s">
        <v>17</v>
      </c>
      <c r="B436" s="4" t="s">
        <v>1360</v>
      </c>
      <c r="C436" s="6" t="s">
        <v>55</v>
      </c>
      <c r="D436" s="3" t="s">
        <v>1361</v>
      </c>
      <c r="E436" s="9">
        <v>45939</v>
      </c>
      <c r="F436" s="9">
        <v>45974</v>
      </c>
      <c r="G436" s="39" t="s">
        <v>1350</v>
      </c>
      <c r="H436" s="43" t="s">
        <v>1345</v>
      </c>
      <c r="I436" s="39" t="s">
        <v>1362</v>
      </c>
      <c r="J436" s="43" t="s">
        <v>1363</v>
      </c>
      <c r="K436" s="39" t="s">
        <v>61</v>
      </c>
      <c r="L436" s="10" t="s">
        <v>62</v>
      </c>
      <c r="M436" s="39" t="s">
        <v>1341</v>
      </c>
      <c r="N436" s="5"/>
    </row>
    <row r="437" spans="1:14" ht="67.95" customHeight="1" x14ac:dyDescent="0.2">
      <c r="A437" s="4" t="s">
        <v>17</v>
      </c>
      <c r="B437" s="4" t="s">
        <v>1364</v>
      </c>
      <c r="C437" s="6" t="s">
        <v>600</v>
      </c>
      <c r="D437" s="3" t="s">
        <v>1365</v>
      </c>
      <c r="E437" s="9">
        <v>45942</v>
      </c>
      <c r="F437" s="9">
        <v>45942</v>
      </c>
      <c r="G437" s="39" t="s">
        <v>1366</v>
      </c>
      <c r="H437" s="43" t="s">
        <v>1345</v>
      </c>
      <c r="I437" s="39" t="s">
        <v>1346</v>
      </c>
      <c r="J437" s="39" t="s">
        <v>1347</v>
      </c>
      <c r="K437" s="39" t="s">
        <v>61</v>
      </c>
      <c r="L437" s="10" t="s">
        <v>85</v>
      </c>
      <c r="M437" s="39" t="s">
        <v>1341</v>
      </c>
      <c r="N437" s="5"/>
    </row>
    <row r="438" spans="1:14" ht="62.4" customHeight="1" x14ac:dyDescent="0.2">
      <c r="A438" s="4" t="s">
        <v>17</v>
      </c>
      <c r="B438" s="4" t="s">
        <v>1367</v>
      </c>
      <c r="C438" s="6" t="s">
        <v>600</v>
      </c>
      <c r="D438" s="3" t="s">
        <v>1368</v>
      </c>
      <c r="E438" s="9">
        <v>45942</v>
      </c>
      <c r="F438" s="9">
        <v>45942</v>
      </c>
      <c r="G438" s="39" t="s">
        <v>1369</v>
      </c>
      <c r="H438" s="43" t="s">
        <v>1345</v>
      </c>
      <c r="I438" s="39" t="s">
        <v>1346</v>
      </c>
      <c r="J438" s="43" t="s">
        <v>1370</v>
      </c>
      <c r="K438" s="39" t="s">
        <v>61</v>
      </c>
      <c r="L438" s="10" t="s">
        <v>62</v>
      </c>
      <c r="M438" s="39" t="s">
        <v>1341</v>
      </c>
      <c r="N438" s="5"/>
    </row>
    <row r="439" spans="1:14" ht="62.4" customHeight="1" x14ac:dyDescent="0.2">
      <c r="A439" s="4" t="s">
        <v>17</v>
      </c>
      <c r="B439" s="4" t="s">
        <v>1371</v>
      </c>
      <c r="C439" s="6" t="s">
        <v>89</v>
      </c>
      <c r="D439" s="3" t="s">
        <v>1372</v>
      </c>
      <c r="E439" s="9">
        <v>45948</v>
      </c>
      <c r="F439" s="9">
        <v>45948</v>
      </c>
      <c r="G439" s="43" t="s">
        <v>1373</v>
      </c>
      <c r="H439" s="43" t="s">
        <v>1374</v>
      </c>
      <c r="I439" s="39" t="s">
        <v>1362</v>
      </c>
      <c r="J439" s="39" t="s">
        <v>1375</v>
      </c>
      <c r="K439" s="39" t="s">
        <v>61</v>
      </c>
      <c r="L439" s="10" t="s">
        <v>62</v>
      </c>
      <c r="M439" s="39" t="s">
        <v>1341</v>
      </c>
      <c r="N439" s="5"/>
    </row>
    <row r="440" spans="1:14" ht="62.4" customHeight="1" x14ac:dyDescent="0.2">
      <c r="A440" s="4" t="s">
        <v>17</v>
      </c>
      <c r="B440" s="4" t="s">
        <v>1376</v>
      </c>
      <c r="C440" s="6" t="s">
        <v>99</v>
      </c>
      <c r="D440" s="3" t="s">
        <v>1377</v>
      </c>
      <c r="E440" s="9">
        <v>45955</v>
      </c>
      <c r="F440" s="9">
        <v>45956</v>
      </c>
      <c r="G440" s="39" t="s">
        <v>1378</v>
      </c>
      <c r="H440" s="43" t="s">
        <v>1345</v>
      </c>
      <c r="I440" s="39" t="s">
        <v>1351</v>
      </c>
      <c r="J440" s="39" t="s">
        <v>1379</v>
      </c>
      <c r="K440" s="39" t="s">
        <v>61</v>
      </c>
      <c r="L440" s="10" t="s">
        <v>85</v>
      </c>
      <c r="M440" s="39" t="s">
        <v>1341</v>
      </c>
      <c r="N440" s="5"/>
    </row>
    <row r="441" spans="1:14" ht="81" customHeight="1" x14ac:dyDescent="0.2">
      <c r="A441" s="11" t="s">
        <v>1380</v>
      </c>
      <c r="B441" s="11" t="s">
        <v>1381</v>
      </c>
      <c r="C441" s="20" t="s">
        <v>55</v>
      </c>
      <c r="D441" s="11" t="s">
        <v>1382</v>
      </c>
      <c r="E441" s="69">
        <v>45955</v>
      </c>
      <c r="F441" s="69">
        <v>45969</v>
      </c>
      <c r="G441" s="39" t="s">
        <v>1383</v>
      </c>
      <c r="H441" s="43" t="s">
        <v>1345</v>
      </c>
      <c r="I441" s="39" t="s">
        <v>1384</v>
      </c>
      <c r="J441" s="39" t="s">
        <v>1385</v>
      </c>
      <c r="K441" s="39" t="s">
        <v>61</v>
      </c>
      <c r="L441" s="10" t="s">
        <v>85</v>
      </c>
      <c r="M441" s="39" t="s">
        <v>1359</v>
      </c>
      <c r="N441" s="5"/>
    </row>
    <row r="442" spans="1:14" ht="75" customHeight="1" x14ac:dyDescent="0.2">
      <c r="A442" s="4" t="s">
        <v>17</v>
      </c>
      <c r="B442" s="3" t="s">
        <v>1391</v>
      </c>
      <c r="C442" s="6" t="s">
        <v>99</v>
      </c>
      <c r="D442" s="3" t="s">
        <v>1392</v>
      </c>
      <c r="E442" s="9">
        <v>45955</v>
      </c>
      <c r="F442" s="9">
        <v>45970</v>
      </c>
      <c r="G442" s="39" t="s">
        <v>1393</v>
      </c>
      <c r="H442" s="43" t="s">
        <v>1345</v>
      </c>
      <c r="I442" s="39" t="s">
        <v>1351</v>
      </c>
      <c r="J442" s="39" t="s">
        <v>1379</v>
      </c>
      <c r="K442" s="39" t="s">
        <v>61</v>
      </c>
      <c r="L442" s="10" t="s">
        <v>85</v>
      </c>
      <c r="M442" s="39" t="s">
        <v>1341</v>
      </c>
      <c r="N442" s="5"/>
    </row>
    <row r="443" spans="1:14" ht="52.8" x14ac:dyDescent="0.2">
      <c r="A443" s="4" t="s">
        <v>17</v>
      </c>
      <c r="B443" s="4" t="s">
        <v>1386</v>
      </c>
      <c r="C443" s="6" t="s">
        <v>89</v>
      </c>
      <c r="D443" s="3" t="s">
        <v>1387</v>
      </c>
      <c r="E443" s="9">
        <v>45962</v>
      </c>
      <c r="F443" s="9">
        <v>45962</v>
      </c>
      <c r="G443" s="39" t="s">
        <v>1388</v>
      </c>
      <c r="H443" s="43" t="s">
        <v>1389</v>
      </c>
      <c r="I443" s="39" t="s">
        <v>1362</v>
      </c>
      <c r="J443" s="39" t="s">
        <v>1390</v>
      </c>
      <c r="K443" s="39" t="s">
        <v>61</v>
      </c>
      <c r="L443" s="10" t="s">
        <v>62</v>
      </c>
      <c r="M443" s="39" t="s">
        <v>1341</v>
      </c>
      <c r="N443" s="5"/>
    </row>
    <row r="444" spans="1:14" ht="39.6" x14ac:dyDescent="0.2">
      <c r="A444" s="4" t="s">
        <v>17</v>
      </c>
      <c r="B444" s="4" t="s">
        <v>1394</v>
      </c>
      <c r="C444" s="6" t="s">
        <v>600</v>
      </c>
      <c r="D444" s="4" t="s">
        <v>1395</v>
      </c>
      <c r="E444" s="9">
        <v>45963</v>
      </c>
      <c r="F444" s="9">
        <v>45970</v>
      </c>
      <c r="G444" s="39" t="s">
        <v>1396</v>
      </c>
      <c r="H444" s="43" t="s">
        <v>1345</v>
      </c>
      <c r="I444" s="39" t="s">
        <v>1351</v>
      </c>
      <c r="J444" s="39" t="s">
        <v>1397</v>
      </c>
      <c r="K444" s="39" t="s">
        <v>61</v>
      </c>
      <c r="L444" s="10" t="s">
        <v>62</v>
      </c>
      <c r="M444" s="39" t="s">
        <v>1341</v>
      </c>
      <c r="N444" s="5"/>
    </row>
    <row r="445" spans="1:14" ht="39.6" x14ac:dyDescent="0.2">
      <c r="A445" s="4" t="s">
        <v>17</v>
      </c>
      <c r="B445" s="4" t="s">
        <v>1398</v>
      </c>
      <c r="C445" s="6" t="s">
        <v>600</v>
      </c>
      <c r="D445" s="4" t="s">
        <v>1395</v>
      </c>
      <c r="E445" s="9">
        <v>45964</v>
      </c>
      <c r="F445" s="9">
        <v>45964</v>
      </c>
      <c r="G445" s="39" t="s">
        <v>1399</v>
      </c>
      <c r="H445" s="43" t="s">
        <v>1345</v>
      </c>
      <c r="I445" s="39" t="s">
        <v>1351</v>
      </c>
      <c r="J445" s="39" t="s">
        <v>1400</v>
      </c>
      <c r="K445" s="39" t="s">
        <v>61</v>
      </c>
      <c r="L445" s="10" t="s">
        <v>62</v>
      </c>
      <c r="M445" s="39" t="s">
        <v>1341</v>
      </c>
      <c r="N445" s="5"/>
    </row>
    <row r="446" spans="1:14" ht="48.6" customHeight="1" x14ac:dyDescent="0.2">
      <c r="A446" s="11" t="s">
        <v>1380</v>
      </c>
      <c r="B446" s="11" t="s">
        <v>1401</v>
      </c>
      <c r="C446" s="20" t="s">
        <v>80</v>
      </c>
      <c r="D446" s="11" t="s">
        <v>1402</v>
      </c>
      <c r="E446" s="9">
        <v>45967</v>
      </c>
      <c r="F446" s="9">
        <v>45967</v>
      </c>
      <c r="G446" s="50" t="s">
        <v>1403</v>
      </c>
      <c r="H446" s="43" t="s">
        <v>1345</v>
      </c>
      <c r="I446" s="39" t="s">
        <v>1357</v>
      </c>
      <c r="J446" s="39" t="s">
        <v>1404</v>
      </c>
      <c r="K446" s="39" t="s">
        <v>61</v>
      </c>
      <c r="L446" s="10" t="s">
        <v>116</v>
      </c>
      <c r="M446" s="39" t="s">
        <v>1359</v>
      </c>
      <c r="N446" s="5"/>
    </row>
    <row r="447" spans="1:14" ht="39.6" x14ac:dyDescent="0.2">
      <c r="A447" s="11" t="s">
        <v>1380</v>
      </c>
      <c r="B447" s="11" t="s">
        <v>1405</v>
      </c>
      <c r="C447" s="20" t="s">
        <v>80</v>
      </c>
      <c r="D447" s="11" t="s">
        <v>1406</v>
      </c>
      <c r="E447" s="9">
        <v>45967</v>
      </c>
      <c r="F447" s="9">
        <v>45968</v>
      </c>
      <c r="G447" s="39" t="s">
        <v>1337</v>
      </c>
      <c r="H447" s="43" t="s">
        <v>1338</v>
      </c>
      <c r="I447" s="50" t="s">
        <v>1407</v>
      </c>
      <c r="J447" s="50" t="s">
        <v>1408</v>
      </c>
      <c r="K447" s="39" t="s">
        <v>61</v>
      </c>
      <c r="L447" s="10" t="s">
        <v>116</v>
      </c>
      <c r="M447" s="39" t="s">
        <v>1359</v>
      </c>
      <c r="N447" s="5"/>
    </row>
    <row r="448" spans="1:14" ht="84" customHeight="1" x14ac:dyDescent="0.2">
      <c r="A448" s="4" t="s">
        <v>17</v>
      </c>
      <c r="B448" s="4" t="s">
        <v>1409</v>
      </c>
      <c r="C448" s="6" t="s">
        <v>89</v>
      </c>
      <c r="D448" s="4" t="s">
        <v>1410</v>
      </c>
      <c r="E448" s="9">
        <v>45970</v>
      </c>
      <c r="F448" s="9">
        <v>45970</v>
      </c>
      <c r="G448" s="39" t="s">
        <v>1366</v>
      </c>
      <c r="H448" s="43" t="s">
        <v>1345</v>
      </c>
      <c r="I448" s="39" t="s">
        <v>1411</v>
      </c>
      <c r="J448" s="39" t="s">
        <v>1379</v>
      </c>
      <c r="K448" s="39" t="s">
        <v>61</v>
      </c>
      <c r="L448" s="10" t="s">
        <v>85</v>
      </c>
      <c r="M448" s="39" t="s">
        <v>1412</v>
      </c>
      <c r="N448" s="5"/>
    </row>
    <row r="449" spans="1:14" ht="94.2" customHeight="1" x14ac:dyDescent="0.2">
      <c r="A449" s="4" t="s">
        <v>17</v>
      </c>
      <c r="B449" s="4" t="s">
        <v>1413</v>
      </c>
      <c r="C449" s="6" t="s">
        <v>99</v>
      </c>
      <c r="D449" s="94" t="s">
        <v>1414</v>
      </c>
      <c r="E449" s="9">
        <v>45974</v>
      </c>
      <c r="F449" s="9">
        <v>45974</v>
      </c>
      <c r="G449" s="39" t="s">
        <v>1415</v>
      </c>
      <c r="H449" s="43" t="s">
        <v>1345</v>
      </c>
      <c r="I449" s="39" t="s">
        <v>1351</v>
      </c>
      <c r="J449" s="39" t="s">
        <v>1416</v>
      </c>
      <c r="K449" s="39" t="s">
        <v>61</v>
      </c>
      <c r="L449" s="10" t="s">
        <v>62</v>
      </c>
      <c r="M449" s="39" t="s">
        <v>1341</v>
      </c>
      <c r="N449" s="5"/>
    </row>
    <row r="450" spans="1:14" ht="39.6" x14ac:dyDescent="0.2">
      <c r="A450" s="4" t="s">
        <v>17</v>
      </c>
      <c r="B450" s="4" t="s">
        <v>1417</v>
      </c>
      <c r="C450" s="6" t="s">
        <v>600</v>
      </c>
      <c r="D450" s="4" t="s">
        <v>1418</v>
      </c>
      <c r="E450" s="9">
        <v>45976</v>
      </c>
      <c r="F450" s="9">
        <v>45976</v>
      </c>
      <c r="G450" s="39" t="s">
        <v>1383</v>
      </c>
      <c r="H450" s="43" t="s">
        <v>1345</v>
      </c>
      <c r="I450" s="39" t="s">
        <v>1384</v>
      </c>
      <c r="J450" s="39" t="s">
        <v>1385</v>
      </c>
      <c r="K450" s="39" t="s">
        <v>61</v>
      </c>
      <c r="L450" s="10" t="s">
        <v>85</v>
      </c>
      <c r="M450" s="39" t="s">
        <v>1359</v>
      </c>
      <c r="N450" s="5"/>
    </row>
    <row r="451" spans="1:14" ht="81" x14ac:dyDescent="0.2">
      <c r="A451" s="14" t="s">
        <v>18</v>
      </c>
      <c r="B451" s="14" t="s">
        <v>2027</v>
      </c>
      <c r="C451" s="15" t="s">
        <v>99</v>
      </c>
      <c r="D451" s="14" t="s">
        <v>2028</v>
      </c>
      <c r="E451" s="38">
        <v>45927</v>
      </c>
      <c r="F451" s="33">
        <v>45927</v>
      </c>
      <c r="G451" s="13" t="s">
        <v>2018</v>
      </c>
      <c r="H451" s="13" t="s">
        <v>2019</v>
      </c>
      <c r="I451" s="13" t="s">
        <v>2020</v>
      </c>
      <c r="J451" s="13" t="s">
        <v>60</v>
      </c>
      <c r="K451" s="13" t="s">
        <v>61</v>
      </c>
      <c r="L451" s="17" t="s">
        <v>85</v>
      </c>
      <c r="M451" s="13" t="s">
        <v>2021</v>
      </c>
      <c r="N451" s="2" t="s">
        <v>2026</v>
      </c>
    </row>
    <row r="452" spans="1:14" ht="81" x14ac:dyDescent="0.2">
      <c r="A452" s="18" t="s">
        <v>18</v>
      </c>
      <c r="B452" s="31" t="s">
        <v>2031</v>
      </c>
      <c r="C452" s="20" t="s">
        <v>600</v>
      </c>
      <c r="D452" s="14" t="s">
        <v>2032</v>
      </c>
      <c r="E452" s="36">
        <v>45934</v>
      </c>
      <c r="F452" s="36">
        <v>45934</v>
      </c>
      <c r="G452" s="49" t="s">
        <v>2033</v>
      </c>
      <c r="H452" s="13" t="s">
        <v>2019</v>
      </c>
      <c r="I452" s="49" t="s">
        <v>2034</v>
      </c>
      <c r="J452" s="13" t="s">
        <v>60</v>
      </c>
      <c r="K452" s="13" t="s">
        <v>61</v>
      </c>
      <c r="L452" s="17" t="s">
        <v>62</v>
      </c>
      <c r="M452" s="13" t="s">
        <v>2021</v>
      </c>
      <c r="N452" s="2" t="s">
        <v>2035</v>
      </c>
    </row>
    <row r="453" spans="1:14" ht="105.6" x14ac:dyDescent="0.2">
      <c r="A453" s="4" t="s">
        <v>18</v>
      </c>
      <c r="B453" s="4" t="s">
        <v>1419</v>
      </c>
      <c r="C453" s="6" t="s">
        <v>600</v>
      </c>
      <c r="D453" s="4" t="s">
        <v>1420</v>
      </c>
      <c r="E453" s="9">
        <v>45935</v>
      </c>
      <c r="F453" s="9">
        <v>45935</v>
      </c>
      <c r="G453" s="87" t="s">
        <v>1421</v>
      </c>
      <c r="H453" s="39" t="s">
        <v>1422</v>
      </c>
      <c r="I453" s="39" t="s">
        <v>1423</v>
      </c>
      <c r="J453" s="39" t="s">
        <v>125</v>
      </c>
      <c r="K453" s="39" t="s">
        <v>70</v>
      </c>
      <c r="L453" s="10" t="s">
        <v>62</v>
      </c>
      <c r="M453" s="39" t="s">
        <v>1424</v>
      </c>
      <c r="N453" s="5"/>
    </row>
    <row r="454" spans="1:14" ht="81" x14ac:dyDescent="0.2">
      <c r="A454" s="18" t="s">
        <v>18</v>
      </c>
      <c r="B454" s="31" t="s">
        <v>2036</v>
      </c>
      <c r="C454" s="20" t="s">
        <v>600</v>
      </c>
      <c r="D454" s="31" t="s">
        <v>2037</v>
      </c>
      <c r="E454" s="36">
        <v>45948</v>
      </c>
      <c r="F454" s="36">
        <v>45948</v>
      </c>
      <c r="G454" s="49" t="s">
        <v>2033</v>
      </c>
      <c r="H454" s="13" t="s">
        <v>2019</v>
      </c>
      <c r="I454" s="49" t="s">
        <v>2034</v>
      </c>
      <c r="J454" s="13" t="s">
        <v>60</v>
      </c>
      <c r="K454" s="13" t="s">
        <v>61</v>
      </c>
      <c r="L454" s="17" t="s">
        <v>62</v>
      </c>
      <c r="M454" s="13" t="s">
        <v>2021</v>
      </c>
      <c r="N454" s="2" t="s">
        <v>2026</v>
      </c>
    </row>
    <row r="455" spans="1:14" ht="76.2" customHeight="1" x14ac:dyDescent="0.2">
      <c r="A455" s="14" t="s">
        <v>18</v>
      </c>
      <c r="B455" s="14" t="s">
        <v>2029</v>
      </c>
      <c r="C455" s="15" t="s">
        <v>99</v>
      </c>
      <c r="D455" s="14" t="s">
        <v>2030</v>
      </c>
      <c r="E455" s="33">
        <v>45955</v>
      </c>
      <c r="F455" s="33">
        <v>45955</v>
      </c>
      <c r="G455" s="13" t="s">
        <v>2018</v>
      </c>
      <c r="H455" s="13" t="s">
        <v>2019</v>
      </c>
      <c r="I455" s="13" t="s">
        <v>2020</v>
      </c>
      <c r="J455" s="13" t="s">
        <v>60</v>
      </c>
      <c r="K455" s="13" t="s">
        <v>61</v>
      </c>
      <c r="L455" s="17" t="s">
        <v>62</v>
      </c>
      <c r="M455" s="13" t="s">
        <v>2021</v>
      </c>
      <c r="N455" s="2" t="s">
        <v>2026</v>
      </c>
    </row>
    <row r="456" spans="1:14" ht="37.950000000000003" customHeight="1" x14ac:dyDescent="0.2">
      <c r="A456" s="4" t="s">
        <v>18</v>
      </c>
      <c r="B456" s="4" t="s">
        <v>1425</v>
      </c>
      <c r="C456" s="6" t="s">
        <v>99</v>
      </c>
      <c r="D456" s="4" t="s">
        <v>1426</v>
      </c>
      <c r="E456" s="9">
        <v>45963</v>
      </c>
      <c r="F456" s="9">
        <v>45965</v>
      </c>
      <c r="G456" s="39" t="s">
        <v>1427</v>
      </c>
      <c r="H456" s="39" t="s">
        <v>1428</v>
      </c>
      <c r="I456" s="39" t="s">
        <v>1429</v>
      </c>
      <c r="J456" s="39" t="s">
        <v>125</v>
      </c>
      <c r="K456" s="39" t="s">
        <v>61</v>
      </c>
      <c r="L456" s="10" t="s">
        <v>85</v>
      </c>
      <c r="M456" s="39" t="s">
        <v>1427</v>
      </c>
      <c r="N456" s="5"/>
    </row>
    <row r="457" spans="1:14" ht="26.4" x14ac:dyDescent="0.2">
      <c r="A457" s="4" t="s">
        <v>18</v>
      </c>
      <c r="B457" s="4" t="s">
        <v>1430</v>
      </c>
      <c r="C457" s="6" t="s">
        <v>99</v>
      </c>
      <c r="D457" s="4" t="s">
        <v>1431</v>
      </c>
      <c r="E457" s="9">
        <v>45970</v>
      </c>
      <c r="F457" s="9">
        <v>45970</v>
      </c>
      <c r="G457" s="39" t="s">
        <v>1427</v>
      </c>
      <c r="H457" s="39" t="s">
        <v>1428</v>
      </c>
      <c r="I457" s="39" t="s">
        <v>1429</v>
      </c>
      <c r="J457" s="39" t="s">
        <v>125</v>
      </c>
      <c r="K457" s="39" t="s">
        <v>61</v>
      </c>
      <c r="L457" s="10" t="s">
        <v>85</v>
      </c>
      <c r="M457" s="39" t="s">
        <v>1427</v>
      </c>
      <c r="N457" s="5"/>
    </row>
    <row r="458" spans="1:14" ht="81" x14ac:dyDescent="0.2">
      <c r="A458" s="14" t="s">
        <v>18</v>
      </c>
      <c r="B458" s="14" t="s">
        <v>2023</v>
      </c>
      <c r="C458" s="15" t="s">
        <v>99</v>
      </c>
      <c r="D458" s="14" t="s">
        <v>2024</v>
      </c>
      <c r="E458" s="38" t="s">
        <v>2025</v>
      </c>
      <c r="F458" s="38" t="s">
        <v>2025</v>
      </c>
      <c r="G458" s="13" t="s">
        <v>2018</v>
      </c>
      <c r="H458" s="13" t="s">
        <v>2019</v>
      </c>
      <c r="I458" s="13" t="s">
        <v>2020</v>
      </c>
      <c r="J458" s="13" t="s">
        <v>60</v>
      </c>
      <c r="K458" s="13" t="s">
        <v>61</v>
      </c>
      <c r="L458" s="17" t="s">
        <v>85</v>
      </c>
      <c r="M458" s="13" t="s">
        <v>2021</v>
      </c>
      <c r="N458" s="2" t="s">
        <v>2026</v>
      </c>
    </row>
    <row r="459" spans="1:14" ht="98.4" customHeight="1" x14ac:dyDescent="0.2">
      <c r="A459" s="14" t="s">
        <v>18</v>
      </c>
      <c r="B459" s="14" t="s">
        <v>2015</v>
      </c>
      <c r="C459" s="15" t="s">
        <v>55</v>
      </c>
      <c r="D459" s="14" t="s">
        <v>2016</v>
      </c>
      <c r="E459" s="38" t="s">
        <v>2017</v>
      </c>
      <c r="F459" s="38" t="s">
        <v>2017</v>
      </c>
      <c r="G459" s="13" t="s">
        <v>2018</v>
      </c>
      <c r="H459" s="13" t="s">
        <v>2019</v>
      </c>
      <c r="I459" s="13" t="s">
        <v>2020</v>
      </c>
      <c r="J459" s="13" t="s">
        <v>60</v>
      </c>
      <c r="K459" s="13" t="s">
        <v>61</v>
      </c>
      <c r="L459" s="17" t="s">
        <v>62</v>
      </c>
      <c r="M459" s="13" t="s">
        <v>2021</v>
      </c>
      <c r="N459" s="2" t="s">
        <v>2022</v>
      </c>
    </row>
    <row r="460" spans="1:14" ht="113.4" customHeight="1" x14ac:dyDescent="0.2">
      <c r="A460" s="11" t="s">
        <v>2038</v>
      </c>
      <c r="B460" s="11" t="s">
        <v>1845</v>
      </c>
      <c r="C460" s="20" t="s">
        <v>99</v>
      </c>
      <c r="D460" s="11" t="s">
        <v>1846</v>
      </c>
      <c r="E460" s="69">
        <v>45934</v>
      </c>
      <c r="F460" s="69">
        <v>45934</v>
      </c>
      <c r="G460" s="50" t="s">
        <v>2039</v>
      </c>
      <c r="H460" s="50" t="s">
        <v>1058</v>
      </c>
      <c r="I460" s="49" t="s">
        <v>1848</v>
      </c>
      <c r="J460" s="50" t="s">
        <v>60</v>
      </c>
      <c r="K460" s="50" t="s">
        <v>61</v>
      </c>
      <c r="L460" s="70" t="s">
        <v>62</v>
      </c>
      <c r="M460" s="50" t="s">
        <v>1849</v>
      </c>
      <c r="N460" s="2" t="s">
        <v>2040</v>
      </c>
    </row>
    <row r="461" spans="1:14" ht="89.4" customHeight="1" x14ac:dyDescent="0.2">
      <c r="A461" s="11" t="s">
        <v>19</v>
      </c>
      <c r="B461" s="4" t="s">
        <v>1432</v>
      </c>
      <c r="C461" s="20" t="s">
        <v>600</v>
      </c>
      <c r="D461" s="4" t="s">
        <v>1433</v>
      </c>
      <c r="E461" s="69">
        <v>45946</v>
      </c>
      <c r="F461" s="69">
        <v>45946</v>
      </c>
      <c r="G461" s="39" t="s">
        <v>1434</v>
      </c>
      <c r="H461" s="39" t="s">
        <v>1435</v>
      </c>
      <c r="I461" s="39" t="s">
        <v>1436</v>
      </c>
      <c r="J461" s="39" t="s">
        <v>1437</v>
      </c>
      <c r="K461" s="39" t="s">
        <v>70</v>
      </c>
      <c r="L461" s="10" t="s">
        <v>62</v>
      </c>
      <c r="M461" s="39" t="s">
        <v>1438</v>
      </c>
      <c r="N461" s="5"/>
    </row>
    <row r="462" spans="1:14" ht="148.94999999999999" customHeight="1" x14ac:dyDescent="0.2">
      <c r="A462" s="11" t="s">
        <v>2038</v>
      </c>
      <c r="B462" s="11" t="s">
        <v>1845</v>
      </c>
      <c r="C462" s="20" t="s">
        <v>99</v>
      </c>
      <c r="D462" s="11" t="s">
        <v>1846</v>
      </c>
      <c r="E462" s="69">
        <v>45966</v>
      </c>
      <c r="F462" s="69">
        <v>45966</v>
      </c>
      <c r="G462" s="50" t="s">
        <v>2039</v>
      </c>
      <c r="H462" s="50" t="s">
        <v>1058</v>
      </c>
      <c r="I462" s="49" t="s">
        <v>1848</v>
      </c>
      <c r="J462" s="50" t="s">
        <v>60</v>
      </c>
      <c r="K462" s="50" t="s">
        <v>61</v>
      </c>
      <c r="L462" s="70" t="s">
        <v>62</v>
      </c>
      <c r="M462" s="50" t="s">
        <v>1849</v>
      </c>
      <c r="N462" s="2" t="s">
        <v>2041</v>
      </c>
    </row>
    <row r="463" spans="1:14" ht="173.4" customHeight="1" x14ac:dyDescent="0.2">
      <c r="A463" s="11" t="s">
        <v>19</v>
      </c>
      <c r="B463" s="4" t="s">
        <v>1439</v>
      </c>
      <c r="C463" s="20" t="s">
        <v>55</v>
      </c>
      <c r="D463" s="4" t="s">
        <v>1440</v>
      </c>
      <c r="E463" s="69">
        <v>45968</v>
      </c>
      <c r="F463" s="69">
        <v>45970</v>
      </c>
      <c r="G463" s="39" t="s">
        <v>1441</v>
      </c>
      <c r="H463" s="39" t="s">
        <v>1442</v>
      </c>
      <c r="I463" s="39" t="s">
        <v>1436</v>
      </c>
      <c r="J463" s="39" t="s">
        <v>1437</v>
      </c>
      <c r="K463" s="39" t="s">
        <v>61</v>
      </c>
      <c r="L463" s="10" t="s">
        <v>62</v>
      </c>
      <c r="M463" s="39" t="s">
        <v>1443</v>
      </c>
      <c r="N463" s="5"/>
    </row>
    <row r="464" spans="1:14" ht="111" customHeight="1" x14ac:dyDescent="0.2">
      <c r="A464" s="95" t="s">
        <v>19</v>
      </c>
      <c r="B464" s="95" t="s">
        <v>248</v>
      </c>
      <c r="C464" s="201" t="s">
        <v>99</v>
      </c>
      <c r="D464" s="95" t="s">
        <v>249</v>
      </c>
      <c r="E464" s="185">
        <v>45976</v>
      </c>
      <c r="F464" s="185">
        <v>45977</v>
      </c>
      <c r="G464" s="32" t="s">
        <v>250</v>
      </c>
      <c r="H464" s="32" t="s">
        <v>251</v>
      </c>
      <c r="I464" s="32" t="s">
        <v>252</v>
      </c>
      <c r="J464" s="32" t="s">
        <v>239</v>
      </c>
      <c r="K464" s="32" t="s">
        <v>61</v>
      </c>
      <c r="L464" s="186" t="s">
        <v>85</v>
      </c>
      <c r="M464" s="32" t="s">
        <v>253</v>
      </c>
      <c r="N464" s="28" t="s">
        <v>2166</v>
      </c>
    </row>
    <row r="465" spans="1:14" ht="66.599999999999994" customHeight="1" x14ac:dyDescent="0.2">
      <c r="A465" s="14" t="s">
        <v>19</v>
      </c>
      <c r="B465" s="14" t="s">
        <v>2042</v>
      </c>
      <c r="C465" s="15" t="s">
        <v>55</v>
      </c>
      <c r="D465" s="15" t="s">
        <v>2043</v>
      </c>
      <c r="E465" s="38" t="s">
        <v>2044</v>
      </c>
      <c r="F465" s="38" t="s">
        <v>2044</v>
      </c>
      <c r="G465" s="13" t="s">
        <v>2045</v>
      </c>
      <c r="H465" s="13" t="s">
        <v>2046</v>
      </c>
      <c r="I465" s="13" t="s">
        <v>2047</v>
      </c>
      <c r="J465" s="13" t="s">
        <v>1222</v>
      </c>
      <c r="K465" s="13" t="s">
        <v>61</v>
      </c>
      <c r="L465" s="13" t="s">
        <v>62</v>
      </c>
      <c r="M465" s="13" t="s">
        <v>2048</v>
      </c>
      <c r="N465" s="58" t="s">
        <v>2049</v>
      </c>
    </row>
    <row r="466" spans="1:14" ht="89.4" customHeight="1" x14ac:dyDescent="0.2">
      <c r="A466" s="4" t="s">
        <v>20</v>
      </c>
      <c r="B466" s="4" t="s">
        <v>1444</v>
      </c>
      <c r="C466" s="6" t="s">
        <v>600</v>
      </c>
      <c r="D466" s="4" t="s">
        <v>1445</v>
      </c>
      <c r="E466" s="9">
        <v>45942</v>
      </c>
      <c r="F466" s="9">
        <v>45942</v>
      </c>
      <c r="G466" s="39" t="s">
        <v>1446</v>
      </c>
      <c r="H466" s="39" t="s">
        <v>1447</v>
      </c>
      <c r="I466" s="39" t="s">
        <v>1448</v>
      </c>
      <c r="J466" s="39" t="s">
        <v>1449</v>
      </c>
      <c r="K466" s="39" t="s">
        <v>61</v>
      </c>
      <c r="L466" s="10" t="s">
        <v>85</v>
      </c>
      <c r="M466" s="39" t="s">
        <v>1450</v>
      </c>
      <c r="N466" s="5"/>
    </row>
    <row r="467" spans="1:14" ht="84" customHeight="1" x14ac:dyDescent="0.2">
      <c r="A467" s="11" t="s">
        <v>2050</v>
      </c>
      <c r="B467" s="11" t="s">
        <v>1845</v>
      </c>
      <c r="C467" s="20" t="s">
        <v>99</v>
      </c>
      <c r="D467" s="11" t="s">
        <v>1846</v>
      </c>
      <c r="E467" s="69">
        <v>45956</v>
      </c>
      <c r="F467" s="69">
        <v>45956</v>
      </c>
      <c r="G467" s="50" t="s">
        <v>2051</v>
      </c>
      <c r="H467" s="50" t="s">
        <v>1058</v>
      </c>
      <c r="I467" s="49" t="s">
        <v>1848</v>
      </c>
      <c r="J467" s="50" t="s">
        <v>60</v>
      </c>
      <c r="K467" s="50" t="s">
        <v>61</v>
      </c>
      <c r="L467" s="70" t="s">
        <v>62</v>
      </c>
      <c r="M467" s="50" t="s">
        <v>1849</v>
      </c>
      <c r="N467" s="2" t="s">
        <v>2052</v>
      </c>
    </row>
    <row r="468" spans="1:14" ht="84" customHeight="1" x14ac:dyDescent="0.2">
      <c r="A468" s="4" t="s">
        <v>20</v>
      </c>
      <c r="B468" s="4" t="s">
        <v>1451</v>
      </c>
      <c r="C468" s="6" t="s">
        <v>99</v>
      </c>
      <c r="D468" s="4" t="s">
        <v>1452</v>
      </c>
      <c r="E468" s="9">
        <v>45958</v>
      </c>
      <c r="F468" s="9">
        <v>45963</v>
      </c>
      <c r="G468" s="39" t="s">
        <v>1453</v>
      </c>
      <c r="H468" s="39" t="s">
        <v>1447</v>
      </c>
      <c r="I468" s="39" t="s">
        <v>1448</v>
      </c>
      <c r="J468" s="39" t="s">
        <v>1454</v>
      </c>
      <c r="K468" s="39" t="s">
        <v>61</v>
      </c>
      <c r="L468" s="10" t="s">
        <v>85</v>
      </c>
      <c r="M468" s="39" t="s">
        <v>1450</v>
      </c>
      <c r="N468" s="5"/>
    </row>
    <row r="469" spans="1:14" ht="69.599999999999994" customHeight="1" x14ac:dyDescent="0.2">
      <c r="A469" s="4" t="s">
        <v>20</v>
      </c>
      <c r="B469" s="4" t="s">
        <v>1455</v>
      </c>
      <c r="C469" s="6" t="s">
        <v>80</v>
      </c>
      <c r="D469" s="14" t="s">
        <v>1456</v>
      </c>
      <c r="E469" s="9">
        <v>45976</v>
      </c>
      <c r="F469" s="9">
        <v>45976</v>
      </c>
      <c r="G469" s="39" t="s">
        <v>1453</v>
      </c>
      <c r="H469" s="39" t="s">
        <v>1447</v>
      </c>
      <c r="I469" s="39" t="s">
        <v>1448</v>
      </c>
      <c r="J469" s="13" t="s">
        <v>1457</v>
      </c>
      <c r="K469" s="39" t="s">
        <v>61</v>
      </c>
      <c r="L469" s="17" t="s">
        <v>62</v>
      </c>
      <c r="M469" s="39" t="s">
        <v>1450</v>
      </c>
      <c r="N469" s="5"/>
    </row>
    <row r="470" spans="1:14" ht="148.80000000000001" customHeight="1" x14ac:dyDescent="0.2">
      <c r="A470" s="4" t="s">
        <v>1477</v>
      </c>
      <c r="B470" s="4" t="s">
        <v>1478</v>
      </c>
      <c r="C470" s="6" t="s">
        <v>39</v>
      </c>
      <c r="D470" s="4" t="s">
        <v>1479</v>
      </c>
      <c r="E470" s="9">
        <v>45762</v>
      </c>
      <c r="F470" s="9">
        <v>46098</v>
      </c>
      <c r="G470" s="39" t="s">
        <v>1480</v>
      </c>
      <c r="H470" s="39" t="s">
        <v>1481</v>
      </c>
      <c r="I470" s="39" t="s">
        <v>1482</v>
      </c>
      <c r="J470" s="39" t="s">
        <v>1483</v>
      </c>
      <c r="K470" s="39" t="s">
        <v>981</v>
      </c>
      <c r="L470" s="10" t="s">
        <v>85</v>
      </c>
      <c r="M470" s="39" t="s">
        <v>1484</v>
      </c>
      <c r="N470" s="5"/>
    </row>
    <row r="471" spans="1:14" ht="201" customHeight="1" x14ac:dyDescent="0.2">
      <c r="A471" s="4" t="s">
        <v>1477</v>
      </c>
      <c r="B471" s="4" t="s">
        <v>1503</v>
      </c>
      <c r="C471" s="6" t="s">
        <v>99</v>
      </c>
      <c r="D471" s="4" t="s">
        <v>1504</v>
      </c>
      <c r="E471" s="9">
        <v>45856</v>
      </c>
      <c r="F471" s="9">
        <v>45950</v>
      </c>
      <c r="G471" s="39" t="s">
        <v>1505</v>
      </c>
      <c r="H471" s="39" t="s">
        <v>1496</v>
      </c>
      <c r="I471" s="39" t="s">
        <v>1506</v>
      </c>
      <c r="J471" s="39" t="s">
        <v>125</v>
      </c>
      <c r="K471" s="39" t="s">
        <v>1507</v>
      </c>
      <c r="L471" s="10" t="s">
        <v>174</v>
      </c>
      <c r="M471" s="39" t="s">
        <v>1505</v>
      </c>
      <c r="N471" s="2" t="s">
        <v>1508</v>
      </c>
    </row>
    <row r="472" spans="1:14" ht="235.8" customHeight="1" x14ac:dyDescent="0.2">
      <c r="A472" s="4" t="s">
        <v>1477</v>
      </c>
      <c r="B472" s="4" t="s">
        <v>1509</v>
      </c>
      <c r="C472" s="6" t="s">
        <v>99</v>
      </c>
      <c r="D472" s="4" t="s">
        <v>1510</v>
      </c>
      <c r="E472" s="9">
        <v>45856</v>
      </c>
      <c r="F472" s="9">
        <v>45950</v>
      </c>
      <c r="G472" s="39" t="s">
        <v>1505</v>
      </c>
      <c r="H472" s="39" t="s">
        <v>1496</v>
      </c>
      <c r="I472" s="39" t="s">
        <v>1506</v>
      </c>
      <c r="J472" s="39" t="s">
        <v>125</v>
      </c>
      <c r="K472" s="39" t="s">
        <v>1507</v>
      </c>
      <c r="L472" s="10" t="s">
        <v>174</v>
      </c>
      <c r="M472" s="39" t="s">
        <v>1505</v>
      </c>
      <c r="N472" s="2" t="s">
        <v>1508</v>
      </c>
    </row>
    <row r="473" spans="1:14" ht="116.4" customHeight="1" x14ac:dyDescent="0.2">
      <c r="A473" s="4" t="s">
        <v>1477</v>
      </c>
      <c r="B473" s="4" t="s">
        <v>1488</v>
      </c>
      <c r="C473" s="6" t="s">
        <v>39</v>
      </c>
      <c r="D473" s="4" t="s">
        <v>1489</v>
      </c>
      <c r="E473" s="9">
        <v>45931</v>
      </c>
      <c r="F473" s="9">
        <v>45991</v>
      </c>
      <c r="G473" s="39" t="s">
        <v>1490</v>
      </c>
      <c r="H473" s="39" t="s">
        <v>1491</v>
      </c>
      <c r="I473" s="39" t="s">
        <v>1482</v>
      </c>
      <c r="J473" s="39" t="s">
        <v>1492</v>
      </c>
      <c r="K473" s="39" t="s">
        <v>981</v>
      </c>
      <c r="L473" s="10" t="s">
        <v>116</v>
      </c>
      <c r="M473" s="39" t="s">
        <v>1484</v>
      </c>
      <c r="N473" s="5"/>
    </row>
    <row r="474" spans="1:14" ht="113.4" x14ac:dyDescent="0.2">
      <c r="A474" s="4" t="s">
        <v>21</v>
      </c>
      <c r="B474" s="4" t="s">
        <v>1499</v>
      </c>
      <c r="C474" s="6" t="s">
        <v>99</v>
      </c>
      <c r="D474" s="4" t="s">
        <v>1500</v>
      </c>
      <c r="E474" s="9">
        <v>45932</v>
      </c>
      <c r="F474" s="9">
        <v>45932</v>
      </c>
      <c r="G474" s="39" t="s">
        <v>1495</v>
      </c>
      <c r="H474" s="39" t="s">
        <v>1496</v>
      </c>
      <c r="I474" s="39" t="s">
        <v>1495</v>
      </c>
      <c r="J474" s="39" t="s">
        <v>60</v>
      </c>
      <c r="K474" s="39" t="s">
        <v>61</v>
      </c>
      <c r="L474" s="10" t="s">
        <v>62</v>
      </c>
      <c r="M474" s="39" t="s">
        <v>1495</v>
      </c>
      <c r="N474" s="2" t="s">
        <v>1498</v>
      </c>
    </row>
    <row r="475" spans="1:14" ht="156.6" customHeight="1" x14ac:dyDescent="0.2">
      <c r="A475" s="4" t="s">
        <v>21</v>
      </c>
      <c r="B475" s="4" t="s">
        <v>1493</v>
      </c>
      <c r="C475" s="6" t="s">
        <v>55</v>
      </c>
      <c r="D475" s="4" t="s">
        <v>1494</v>
      </c>
      <c r="E475" s="9">
        <v>45940</v>
      </c>
      <c r="F475" s="9">
        <v>45940</v>
      </c>
      <c r="G475" s="39" t="s">
        <v>1495</v>
      </c>
      <c r="H475" s="39" t="s">
        <v>1496</v>
      </c>
      <c r="I475" s="39" t="s">
        <v>1495</v>
      </c>
      <c r="J475" s="39" t="s">
        <v>1497</v>
      </c>
      <c r="K475" s="39" t="s">
        <v>61</v>
      </c>
      <c r="L475" s="10" t="s">
        <v>85</v>
      </c>
      <c r="M475" s="39" t="s">
        <v>1495</v>
      </c>
      <c r="N475" s="2" t="s">
        <v>1498</v>
      </c>
    </row>
    <row r="476" spans="1:14" ht="175.2" customHeight="1" x14ac:dyDescent="0.2">
      <c r="A476" s="4" t="s">
        <v>1477</v>
      </c>
      <c r="B476" s="4" t="s">
        <v>1511</v>
      </c>
      <c r="C476" s="6" t="s">
        <v>99</v>
      </c>
      <c r="D476" s="4" t="s">
        <v>1512</v>
      </c>
      <c r="E476" s="9">
        <v>45954</v>
      </c>
      <c r="F476" s="9">
        <v>46055</v>
      </c>
      <c r="G476" s="39" t="s">
        <v>1505</v>
      </c>
      <c r="H476" s="39" t="s">
        <v>1496</v>
      </c>
      <c r="I476" s="39" t="s">
        <v>1506</v>
      </c>
      <c r="J476" s="39" t="s">
        <v>125</v>
      </c>
      <c r="K476" s="39" t="s">
        <v>1507</v>
      </c>
      <c r="L476" s="10" t="s">
        <v>174</v>
      </c>
      <c r="M476" s="39" t="s">
        <v>1505</v>
      </c>
      <c r="N476" s="2" t="s">
        <v>1508</v>
      </c>
    </row>
    <row r="477" spans="1:14" ht="145.19999999999999" x14ac:dyDescent="0.2">
      <c r="A477" s="4" t="s">
        <v>1477</v>
      </c>
      <c r="B477" s="4" t="s">
        <v>1513</v>
      </c>
      <c r="C477" s="6" t="s">
        <v>99</v>
      </c>
      <c r="D477" s="4" t="s">
        <v>1514</v>
      </c>
      <c r="E477" s="9">
        <v>45954</v>
      </c>
      <c r="F477" s="9">
        <v>46055</v>
      </c>
      <c r="G477" s="39" t="s">
        <v>1505</v>
      </c>
      <c r="H477" s="39" t="s">
        <v>1496</v>
      </c>
      <c r="I477" s="39" t="s">
        <v>1506</v>
      </c>
      <c r="J477" s="39" t="s">
        <v>125</v>
      </c>
      <c r="K477" s="39" t="s">
        <v>1507</v>
      </c>
      <c r="L477" s="10" t="s">
        <v>174</v>
      </c>
      <c r="M477" s="39" t="s">
        <v>1505</v>
      </c>
      <c r="N477" s="2" t="s">
        <v>1508</v>
      </c>
    </row>
    <row r="478" spans="1:14" ht="76.95" customHeight="1" x14ac:dyDescent="0.2">
      <c r="A478" s="4" t="s">
        <v>21</v>
      </c>
      <c r="B478" s="4" t="s">
        <v>1501</v>
      </c>
      <c r="C478" s="6" t="s">
        <v>99</v>
      </c>
      <c r="D478" s="4" t="s">
        <v>1502</v>
      </c>
      <c r="E478" s="9">
        <v>45959</v>
      </c>
      <c r="F478" s="9">
        <v>45959</v>
      </c>
      <c r="G478" s="39" t="s">
        <v>1495</v>
      </c>
      <c r="H478" s="39" t="s">
        <v>1496</v>
      </c>
      <c r="I478" s="39" t="s">
        <v>1495</v>
      </c>
      <c r="J478" s="39" t="s">
        <v>60</v>
      </c>
      <c r="K478" s="39" t="s">
        <v>61</v>
      </c>
      <c r="L478" s="10" t="s">
        <v>85</v>
      </c>
      <c r="M478" s="39" t="s">
        <v>1495</v>
      </c>
      <c r="N478" s="2" t="s">
        <v>1498</v>
      </c>
    </row>
    <row r="479" spans="1:14" ht="52.8" x14ac:dyDescent="0.2">
      <c r="A479" s="4" t="s">
        <v>1477</v>
      </c>
      <c r="B479" s="4" t="s">
        <v>1485</v>
      </c>
      <c r="C479" s="6" t="s">
        <v>39</v>
      </c>
      <c r="D479" s="4" t="s">
        <v>1486</v>
      </c>
      <c r="E479" s="9">
        <v>45970</v>
      </c>
      <c r="F479" s="9">
        <v>45970</v>
      </c>
      <c r="G479" s="39" t="s">
        <v>1480</v>
      </c>
      <c r="H479" s="39" t="s">
        <v>1481</v>
      </c>
      <c r="I479" s="39" t="s">
        <v>1487</v>
      </c>
      <c r="J479" s="39" t="s">
        <v>1483</v>
      </c>
      <c r="K479" s="39" t="s">
        <v>61</v>
      </c>
      <c r="L479" s="10" t="s">
        <v>85</v>
      </c>
      <c r="M479" s="39" t="s">
        <v>1484</v>
      </c>
      <c r="N479" s="5"/>
    </row>
    <row r="480" spans="1:14" ht="83.4" customHeight="1" x14ac:dyDescent="0.2">
      <c r="A480" s="4" t="s">
        <v>21</v>
      </c>
      <c r="B480" s="4" t="s">
        <v>1458</v>
      </c>
      <c r="C480" s="6" t="s">
        <v>99</v>
      </c>
      <c r="D480" s="4" t="s">
        <v>1459</v>
      </c>
      <c r="E480" s="37" t="s">
        <v>1460</v>
      </c>
      <c r="F480" s="37" t="s">
        <v>1461</v>
      </c>
      <c r="G480" s="39" t="s">
        <v>1462</v>
      </c>
      <c r="H480" s="39" t="s">
        <v>1463</v>
      </c>
      <c r="I480" s="39" t="s">
        <v>1464</v>
      </c>
      <c r="J480" s="39" t="s">
        <v>125</v>
      </c>
      <c r="K480" s="39" t="s">
        <v>61</v>
      </c>
      <c r="L480" s="10" t="s">
        <v>62</v>
      </c>
      <c r="M480" s="39" t="s">
        <v>1465</v>
      </c>
      <c r="N480" s="5"/>
    </row>
    <row r="481" spans="1:14" ht="83.4" customHeight="1" x14ac:dyDescent="0.2">
      <c r="A481" s="4" t="s">
        <v>21</v>
      </c>
      <c r="B481" s="4" t="s">
        <v>1466</v>
      </c>
      <c r="C481" s="6" t="s">
        <v>99</v>
      </c>
      <c r="D481" s="4" t="s">
        <v>1467</v>
      </c>
      <c r="E481" s="37" t="s">
        <v>1468</v>
      </c>
      <c r="F481" s="37" t="s">
        <v>1468</v>
      </c>
      <c r="G481" s="39" t="s">
        <v>1469</v>
      </c>
      <c r="H481" s="39" t="s">
        <v>1470</v>
      </c>
      <c r="I481" s="39" t="s">
        <v>1464</v>
      </c>
      <c r="J481" s="39" t="s">
        <v>125</v>
      </c>
      <c r="K481" s="39" t="s">
        <v>61</v>
      </c>
      <c r="L481" s="10" t="s">
        <v>62</v>
      </c>
      <c r="M481" s="39" t="s">
        <v>1465</v>
      </c>
      <c r="N481" s="5"/>
    </row>
    <row r="482" spans="1:14" ht="114" customHeight="1" x14ac:dyDescent="0.2">
      <c r="A482" s="4" t="s">
        <v>21</v>
      </c>
      <c r="B482" s="4" t="s">
        <v>1471</v>
      </c>
      <c r="C482" s="6" t="s">
        <v>55</v>
      </c>
      <c r="D482" s="4" t="s">
        <v>1472</v>
      </c>
      <c r="E482" s="37" t="s">
        <v>1473</v>
      </c>
      <c r="F482" s="37" t="s">
        <v>1474</v>
      </c>
      <c r="G482" s="39" t="s">
        <v>1475</v>
      </c>
      <c r="H482" s="39" t="s">
        <v>1470</v>
      </c>
      <c r="I482" s="39" t="s">
        <v>1464</v>
      </c>
      <c r="J482" s="39" t="s">
        <v>1476</v>
      </c>
      <c r="K482" s="39" t="s">
        <v>70</v>
      </c>
      <c r="L482" s="10" t="s">
        <v>62</v>
      </c>
      <c r="M482" s="39" t="s">
        <v>1465</v>
      </c>
      <c r="N482" s="5"/>
    </row>
    <row r="483" spans="1:14" ht="114" customHeight="1" x14ac:dyDescent="0.2">
      <c r="A483" s="14" t="s">
        <v>22</v>
      </c>
      <c r="B483" s="14" t="s">
        <v>2068</v>
      </c>
      <c r="C483" s="15" t="s">
        <v>99</v>
      </c>
      <c r="D483" s="14" t="s">
        <v>2069</v>
      </c>
      <c r="E483" s="33">
        <v>45917</v>
      </c>
      <c r="F483" s="34" t="s">
        <v>2070</v>
      </c>
      <c r="G483" s="13" t="s">
        <v>2071</v>
      </c>
      <c r="H483" s="13" t="s">
        <v>2057</v>
      </c>
      <c r="I483" s="13" t="s">
        <v>2071</v>
      </c>
      <c r="J483" s="13" t="s">
        <v>2072</v>
      </c>
      <c r="K483" s="13" t="s">
        <v>70</v>
      </c>
      <c r="L483" s="17" t="s">
        <v>62</v>
      </c>
      <c r="M483" s="13" t="s">
        <v>2071</v>
      </c>
      <c r="N483" s="2" t="s">
        <v>2073</v>
      </c>
    </row>
    <row r="484" spans="1:14" ht="114" customHeight="1" x14ac:dyDescent="0.2">
      <c r="A484" s="14" t="s">
        <v>22</v>
      </c>
      <c r="B484" s="14" t="s">
        <v>2074</v>
      </c>
      <c r="C484" s="15" t="s">
        <v>99</v>
      </c>
      <c r="D484" s="14" t="s">
        <v>2075</v>
      </c>
      <c r="E484" s="33">
        <v>45921</v>
      </c>
      <c r="F484" s="34">
        <v>45921</v>
      </c>
      <c r="G484" s="13" t="s">
        <v>2071</v>
      </c>
      <c r="H484" s="13" t="s">
        <v>2057</v>
      </c>
      <c r="I484" s="13" t="s">
        <v>2071</v>
      </c>
      <c r="J484" s="13" t="s">
        <v>2072</v>
      </c>
      <c r="K484" s="13" t="s">
        <v>70</v>
      </c>
      <c r="L484" s="17" t="s">
        <v>85</v>
      </c>
      <c r="M484" s="13" t="s">
        <v>2071</v>
      </c>
      <c r="N484" s="2" t="s">
        <v>2073</v>
      </c>
    </row>
    <row r="485" spans="1:14" ht="114" customHeight="1" x14ac:dyDescent="0.2">
      <c r="A485" s="14" t="s">
        <v>22</v>
      </c>
      <c r="B485" s="14" t="s">
        <v>2076</v>
      </c>
      <c r="C485" s="15" t="s">
        <v>99</v>
      </c>
      <c r="D485" s="14" t="s">
        <v>2077</v>
      </c>
      <c r="E485" s="33">
        <v>45928</v>
      </c>
      <c r="F485" s="34">
        <v>45928</v>
      </c>
      <c r="G485" s="13" t="s">
        <v>2071</v>
      </c>
      <c r="H485" s="13" t="s">
        <v>2057</v>
      </c>
      <c r="I485" s="13" t="s">
        <v>2071</v>
      </c>
      <c r="J485" s="13" t="s">
        <v>2072</v>
      </c>
      <c r="K485" s="13" t="s">
        <v>70</v>
      </c>
      <c r="L485" s="17" t="s">
        <v>85</v>
      </c>
      <c r="M485" s="13" t="s">
        <v>2071</v>
      </c>
      <c r="N485" s="2" t="s">
        <v>2073</v>
      </c>
    </row>
    <row r="486" spans="1:14" ht="114" customHeight="1" x14ac:dyDescent="0.2">
      <c r="A486" s="14" t="s">
        <v>22</v>
      </c>
      <c r="B486" s="14" t="s">
        <v>2081</v>
      </c>
      <c r="C486" s="15" t="s">
        <v>99</v>
      </c>
      <c r="D486" s="14" t="s">
        <v>2069</v>
      </c>
      <c r="E486" s="33">
        <v>45931</v>
      </c>
      <c r="F486" s="34" t="s">
        <v>2082</v>
      </c>
      <c r="G486" s="13" t="s">
        <v>2071</v>
      </c>
      <c r="H486" s="13" t="s">
        <v>2057</v>
      </c>
      <c r="I486" s="13" t="s">
        <v>2071</v>
      </c>
      <c r="J486" s="13" t="s">
        <v>2072</v>
      </c>
      <c r="K486" s="13" t="s">
        <v>70</v>
      </c>
      <c r="L486" s="17" t="s">
        <v>62</v>
      </c>
      <c r="M486" s="13" t="s">
        <v>2071</v>
      </c>
      <c r="N486" s="2" t="s">
        <v>2073</v>
      </c>
    </row>
    <row r="487" spans="1:14" ht="114" customHeight="1" x14ac:dyDescent="0.2">
      <c r="A487" s="14" t="s">
        <v>22</v>
      </c>
      <c r="B487" s="14" t="s">
        <v>2083</v>
      </c>
      <c r="C487" s="15" t="s">
        <v>99</v>
      </c>
      <c r="D487" s="14" t="s">
        <v>2084</v>
      </c>
      <c r="E487" s="33">
        <v>45942</v>
      </c>
      <c r="F487" s="34">
        <v>45942</v>
      </c>
      <c r="G487" s="13" t="s">
        <v>2071</v>
      </c>
      <c r="H487" s="13" t="s">
        <v>2057</v>
      </c>
      <c r="I487" s="13" t="s">
        <v>2071</v>
      </c>
      <c r="J487" s="13" t="s">
        <v>2072</v>
      </c>
      <c r="K487" s="13" t="s">
        <v>70</v>
      </c>
      <c r="L487" s="17" t="s">
        <v>85</v>
      </c>
      <c r="M487" s="13" t="s">
        <v>2071</v>
      </c>
      <c r="N487" s="2" t="s">
        <v>2073</v>
      </c>
    </row>
    <row r="488" spans="1:14" ht="114" customHeight="1" x14ac:dyDescent="0.2">
      <c r="A488" s="14" t="s">
        <v>22</v>
      </c>
      <c r="B488" s="14" t="s">
        <v>2085</v>
      </c>
      <c r="C488" s="15" t="s">
        <v>99</v>
      </c>
      <c r="D488" s="14" t="s">
        <v>2075</v>
      </c>
      <c r="E488" s="33">
        <v>45949</v>
      </c>
      <c r="F488" s="34">
        <v>45949</v>
      </c>
      <c r="G488" s="13" t="s">
        <v>2071</v>
      </c>
      <c r="H488" s="13" t="s">
        <v>2057</v>
      </c>
      <c r="I488" s="13" t="s">
        <v>2071</v>
      </c>
      <c r="J488" s="13" t="s">
        <v>2072</v>
      </c>
      <c r="K488" s="13" t="s">
        <v>70</v>
      </c>
      <c r="L488" s="17" t="s">
        <v>85</v>
      </c>
      <c r="M488" s="13" t="s">
        <v>2071</v>
      </c>
      <c r="N488" s="2" t="s">
        <v>2073</v>
      </c>
    </row>
    <row r="489" spans="1:14" ht="114" customHeight="1" x14ac:dyDescent="0.2">
      <c r="A489" s="14" t="s">
        <v>22</v>
      </c>
      <c r="B489" s="14" t="s">
        <v>2086</v>
      </c>
      <c r="C489" s="15" t="s">
        <v>99</v>
      </c>
      <c r="D489" s="14" t="s">
        <v>2087</v>
      </c>
      <c r="E489" s="33">
        <v>45955</v>
      </c>
      <c r="F489" s="34">
        <v>45956</v>
      </c>
      <c r="G489" s="13" t="s">
        <v>2071</v>
      </c>
      <c r="H489" s="13" t="s">
        <v>2057</v>
      </c>
      <c r="I489" s="13" t="s">
        <v>2071</v>
      </c>
      <c r="J489" s="13" t="s">
        <v>2072</v>
      </c>
      <c r="K489" s="13" t="s">
        <v>70</v>
      </c>
      <c r="L489" s="17" t="s">
        <v>85</v>
      </c>
      <c r="M489" s="13" t="s">
        <v>2071</v>
      </c>
      <c r="N489" s="2" t="s">
        <v>2073</v>
      </c>
    </row>
    <row r="490" spans="1:14" ht="114" customHeight="1" x14ac:dyDescent="0.2">
      <c r="A490" s="14" t="s">
        <v>22</v>
      </c>
      <c r="B490" s="14" t="s">
        <v>2088</v>
      </c>
      <c r="C490" s="15" t="s">
        <v>99</v>
      </c>
      <c r="D490" s="14" t="s">
        <v>2069</v>
      </c>
      <c r="E490" s="33">
        <v>45962</v>
      </c>
      <c r="F490" s="34" t="s">
        <v>2089</v>
      </c>
      <c r="G490" s="13" t="s">
        <v>2071</v>
      </c>
      <c r="H490" s="13" t="s">
        <v>2057</v>
      </c>
      <c r="I490" s="13" t="s">
        <v>2071</v>
      </c>
      <c r="J490" s="13" t="s">
        <v>2072</v>
      </c>
      <c r="K490" s="13" t="s">
        <v>70</v>
      </c>
      <c r="L490" s="17" t="s">
        <v>62</v>
      </c>
      <c r="M490" s="13" t="s">
        <v>2071</v>
      </c>
      <c r="N490" s="2" t="s">
        <v>2073</v>
      </c>
    </row>
    <row r="491" spans="1:14" ht="114" customHeight="1" x14ac:dyDescent="0.2">
      <c r="A491" s="14" t="s">
        <v>22</v>
      </c>
      <c r="B491" s="14" t="s">
        <v>2090</v>
      </c>
      <c r="C491" s="15" t="s">
        <v>99</v>
      </c>
      <c r="D491" s="14" t="s">
        <v>2069</v>
      </c>
      <c r="E491" s="33">
        <v>45965</v>
      </c>
      <c r="F491" s="34" t="s">
        <v>2091</v>
      </c>
      <c r="G491" s="13" t="s">
        <v>2071</v>
      </c>
      <c r="H491" s="13" t="s">
        <v>2057</v>
      </c>
      <c r="I491" s="13" t="s">
        <v>2071</v>
      </c>
      <c r="J491" s="13" t="s">
        <v>2072</v>
      </c>
      <c r="K491" s="13" t="s">
        <v>70</v>
      </c>
      <c r="L491" s="17" t="s">
        <v>62</v>
      </c>
      <c r="M491" s="13" t="s">
        <v>2071</v>
      </c>
      <c r="N491" s="2" t="s">
        <v>2073</v>
      </c>
    </row>
    <row r="492" spans="1:14" ht="114" customHeight="1" x14ac:dyDescent="0.2">
      <c r="A492" s="14" t="s">
        <v>22</v>
      </c>
      <c r="B492" s="14" t="s">
        <v>2092</v>
      </c>
      <c r="C492" s="15" t="s">
        <v>99</v>
      </c>
      <c r="D492" s="14" t="s">
        <v>2075</v>
      </c>
      <c r="E492" s="33">
        <v>45977</v>
      </c>
      <c r="F492" s="34">
        <v>45977</v>
      </c>
      <c r="G492" s="13" t="s">
        <v>2071</v>
      </c>
      <c r="H492" s="13" t="s">
        <v>2057</v>
      </c>
      <c r="I492" s="13" t="s">
        <v>2071</v>
      </c>
      <c r="J492" s="13" t="s">
        <v>2072</v>
      </c>
      <c r="K492" s="13" t="s">
        <v>70</v>
      </c>
      <c r="L492" s="17" t="s">
        <v>85</v>
      </c>
      <c r="M492" s="13" t="s">
        <v>2071</v>
      </c>
      <c r="N492" s="2" t="s">
        <v>2073</v>
      </c>
    </row>
    <row r="493" spans="1:14" ht="114" customHeight="1" x14ac:dyDescent="0.2">
      <c r="A493" s="14" t="s">
        <v>22</v>
      </c>
      <c r="B493" s="14" t="s">
        <v>2053</v>
      </c>
      <c r="C493" s="15" t="s">
        <v>80</v>
      </c>
      <c r="D493" s="14" t="s">
        <v>2054</v>
      </c>
      <c r="E493" s="41" t="s">
        <v>2055</v>
      </c>
      <c r="F493" s="41" t="s">
        <v>2055</v>
      </c>
      <c r="G493" s="13" t="s">
        <v>2056</v>
      </c>
      <c r="H493" s="13" t="s">
        <v>2057</v>
      </c>
      <c r="I493" s="54" t="s">
        <v>2058</v>
      </c>
      <c r="J493" s="54" t="s">
        <v>2059</v>
      </c>
      <c r="K493" s="13" t="s">
        <v>61</v>
      </c>
      <c r="L493" s="17" t="s">
        <v>85</v>
      </c>
      <c r="M493" s="54" t="s">
        <v>2060</v>
      </c>
      <c r="N493" s="58" t="s">
        <v>2061</v>
      </c>
    </row>
    <row r="494" spans="1:14" ht="114" customHeight="1" x14ac:dyDescent="0.2">
      <c r="A494" s="14" t="s">
        <v>22</v>
      </c>
      <c r="B494" s="14" t="s">
        <v>2062</v>
      </c>
      <c r="C494" s="15" t="s">
        <v>80</v>
      </c>
      <c r="D494" s="14" t="s">
        <v>2063</v>
      </c>
      <c r="E494" s="44" t="s">
        <v>2064</v>
      </c>
      <c r="F494" s="44" t="s">
        <v>2064</v>
      </c>
      <c r="G494" s="13" t="s">
        <v>2056</v>
      </c>
      <c r="H494" s="13" t="s">
        <v>2057</v>
      </c>
      <c r="I494" s="54" t="s">
        <v>2058</v>
      </c>
      <c r="J494" s="54" t="s">
        <v>2059</v>
      </c>
      <c r="K494" s="13" t="s">
        <v>61</v>
      </c>
      <c r="L494" s="17" t="s">
        <v>62</v>
      </c>
      <c r="M494" s="54" t="s">
        <v>2060</v>
      </c>
      <c r="N494" s="58" t="s">
        <v>2061</v>
      </c>
    </row>
    <row r="495" spans="1:14" ht="114" customHeight="1" x14ac:dyDescent="0.2">
      <c r="A495" s="14" t="s">
        <v>22</v>
      </c>
      <c r="B495" s="14" t="s">
        <v>2065</v>
      </c>
      <c r="C495" s="15" t="s">
        <v>80</v>
      </c>
      <c r="D495" s="14" t="s">
        <v>2066</v>
      </c>
      <c r="E495" s="44" t="s">
        <v>2067</v>
      </c>
      <c r="F495" s="44" t="s">
        <v>2067</v>
      </c>
      <c r="G495" s="13" t="s">
        <v>2056</v>
      </c>
      <c r="H495" s="13" t="s">
        <v>2057</v>
      </c>
      <c r="I495" s="54" t="s">
        <v>2058</v>
      </c>
      <c r="J495" s="54" t="s">
        <v>2059</v>
      </c>
      <c r="K495" s="13" t="s">
        <v>61</v>
      </c>
      <c r="L495" s="17" t="s">
        <v>62</v>
      </c>
      <c r="M495" s="54" t="s">
        <v>2060</v>
      </c>
      <c r="N495" s="58" t="s">
        <v>2061</v>
      </c>
    </row>
    <row r="496" spans="1:14" ht="92.4" x14ac:dyDescent="0.2">
      <c r="A496" s="14" t="s">
        <v>22</v>
      </c>
      <c r="B496" s="14" t="s">
        <v>2078</v>
      </c>
      <c r="C496" s="15" t="s">
        <v>99</v>
      </c>
      <c r="D496" s="14" t="s">
        <v>2079</v>
      </c>
      <c r="E496" s="38" t="s">
        <v>2080</v>
      </c>
      <c r="F496" s="34" t="s">
        <v>2080</v>
      </c>
      <c r="G496" s="13" t="s">
        <v>2071</v>
      </c>
      <c r="H496" s="13" t="s">
        <v>2057</v>
      </c>
      <c r="I496" s="13" t="s">
        <v>2071</v>
      </c>
      <c r="J496" s="13" t="s">
        <v>2072</v>
      </c>
      <c r="K496" s="13" t="s">
        <v>70</v>
      </c>
      <c r="L496" s="17" t="s">
        <v>85</v>
      </c>
      <c r="M496" s="13" t="s">
        <v>2071</v>
      </c>
      <c r="N496" s="2" t="s">
        <v>2073</v>
      </c>
    </row>
    <row r="497" spans="1:14" ht="79.2" x14ac:dyDescent="0.2">
      <c r="A497" s="11" t="s">
        <v>23</v>
      </c>
      <c r="B497" s="11" t="s">
        <v>73</v>
      </c>
      <c r="C497" s="20" t="s">
        <v>55</v>
      </c>
      <c r="D497" s="11" t="s">
        <v>74</v>
      </c>
      <c r="E497" s="69">
        <v>45917</v>
      </c>
      <c r="F497" s="69">
        <v>45978</v>
      </c>
      <c r="G497" s="50" t="s">
        <v>75</v>
      </c>
      <c r="H497" s="50" t="s">
        <v>76</v>
      </c>
      <c r="I497" s="49" t="s">
        <v>75</v>
      </c>
      <c r="J497" s="50" t="s">
        <v>60</v>
      </c>
      <c r="K497" s="50" t="s">
        <v>61</v>
      </c>
      <c r="L497" s="70" t="s">
        <v>62</v>
      </c>
      <c r="M497" s="50" t="s">
        <v>77</v>
      </c>
      <c r="N497" s="2" t="s">
        <v>78</v>
      </c>
    </row>
    <row r="498" spans="1:14" ht="136.94999999999999" customHeight="1" x14ac:dyDescent="0.2">
      <c r="A498" s="11" t="s">
        <v>23</v>
      </c>
      <c r="B498" s="11" t="s">
        <v>183</v>
      </c>
      <c r="C498" s="20" t="s">
        <v>55</v>
      </c>
      <c r="D498" s="11" t="s">
        <v>184</v>
      </c>
      <c r="E498" s="71">
        <v>45917</v>
      </c>
      <c r="F498" s="71">
        <v>45978</v>
      </c>
      <c r="G498" s="50" t="s">
        <v>185</v>
      </c>
      <c r="H498" s="50" t="s">
        <v>186</v>
      </c>
      <c r="I498" s="49" t="s">
        <v>187</v>
      </c>
      <c r="J498" s="50" t="s">
        <v>188</v>
      </c>
      <c r="K498" s="50" t="s">
        <v>70</v>
      </c>
      <c r="L498" s="70" t="s">
        <v>62</v>
      </c>
      <c r="M498" s="50" t="s">
        <v>189</v>
      </c>
      <c r="N498" s="2" t="s">
        <v>190</v>
      </c>
    </row>
    <row r="499" spans="1:14" ht="136.94999999999999" customHeight="1" x14ac:dyDescent="0.2">
      <c r="A499" s="11" t="s">
        <v>23</v>
      </c>
      <c r="B499" s="11" t="s">
        <v>363</v>
      </c>
      <c r="C499" s="20" t="s">
        <v>55</v>
      </c>
      <c r="D499" s="11" t="s">
        <v>364</v>
      </c>
      <c r="E499" s="69">
        <v>45919</v>
      </c>
      <c r="F499" s="69">
        <v>46003</v>
      </c>
      <c r="G499" s="50" t="s">
        <v>346</v>
      </c>
      <c r="H499" s="50" t="s">
        <v>347</v>
      </c>
      <c r="I499" s="49" t="s">
        <v>348</v>
      </c>
      <c r="J499" s="50" t="s">
        <v>60</v>
      </c>
      <c r="K499" s="50" t="s">
        <v>70</v>
      </c>
      <c r="L499" s="70" t="s">
        <v>62</v>
      </c>
      <c r="M499" s="50" t="s">
        <v>349</v>
      </c>
      <c r="N499" s="58" t="s">
        <v>350</v>
      </c>
    </row>
    <row r="500" spans="1:14" ht="118.8" x14ac:dyDescent="0.2">
      <c r="A500" s="11" t="s">
        <v>23</v>
      </c>
      <c r="B500" s="11" t="s">
        <v>365</v>
      </c>
      <c r="C500" s="20" t="s">
        <v>55</v>
      </c>
      <c r="D500" s="11" t="s">
        <v>366</v>
      </c>
      <c r="E500" s="69">
        <v>45919</v>
      </c>
      <c r="F500" s="69">
        <v>46003</v>
      </c>
      <c r="G500" s="50" t="s">
        <v>346</v>
      </c>
      <c r="H500" s="50" t="s">
        <v>347</v>
      </c>
      <c r="I500" s="49" t="s">
        <v>348</v>
      </c>
      <c r="J500" s="50" t="s">
        <v>60</v>
      </c>
      <c r="K500" s="50" t="s">
        <v>70</v>
      </c>
      <c r="L500" s="70" t="s">
        <v>62</v>
      </c>
      <c r="M500" s="50" t="s">
        <v>349</v>
      </c>
      <c r="N500" s="58" t="s">
        <v>350</v>
      </c>
    </row>
    <row r="501" spans="1:14" ht="144" customHeight="1" x14ac:dyDescent="0.2">
      <c r="A501" s="11" t="s">
        <v>23</v>
      </c>
      <c r="B501" s="11" t="s">
        <v>507</v>
      </c>
      <c r="C501" s="20" t="s">
        <v>55</v>
      </c>
      <c r="D501" s="46" t="s">
        <v>508</v>
      </c>
      <c r="E501" s="35">
        <v>45920</v>
      </c>
      <c r="F501" s="35">
        <v>45920</v>
      </c>
      <c r="G501" s="43" t="s">
        <v>509</v>
      </c>
      <c r="H501" s="43" t="s">
        <v>510</v>
      </c>
      <c r="I501" s="43" t="s">
        <v>511</v>
      </c>
      <c r="J501" s="43" t="s">
        <v>125</v>
      </c>
      <c r="K501" s="50" t="s">
        <v>61</v>
      </c>
      <c r="L501" s="70" t="s">
        <v>62</v>
      </c>
      <c r="M501" s="43" t="s">
        <v>512</v>
      </c>
      <c r="N501" s="60" t="s">
        <v>513</v>
      </c>
    </row>
    <row r="502" spans="1:14" ht="144" customHeight="1" x14ac:dyDescent="0.2">
      <c r="A502" s="11" t="s">
        <v>23</v>
      </c>
      <c r="B502" s="11" t="s">
        <v>344</v>
      </c>
      <c r="C502" s="20" t="s">
        <v>55</v>
      </c>
      <c r="D502" s="11" t="s">
        <v>345</v>
      </c>
      <c r="E502" s="69">
        <v>45922</v>
      </c>
      <c r="F502" s="69">
        <v>45999</v>
      </c>
      <c r="G502" s="50" t="s">
        <v>346</v>
      </c>
      <c r="H502" s="50" t="s">
        <v>347</v>
      </c>
      <c r="I502" s="49" t="s">
        <v>348</v>
      </c>
      <c r="J502" s="50" t="s">
        <v>60</v>
      </c>
      <c r="K502" s="50" t="s">
        <v>70</v>
      </c>
      <c r="L502" s="70" t="s">
        <v>62</v>
      </c>
      <c r="M502" s="50" t="s">
        <v>349</v>
      </c>
      <c r="N502" s="58" t="s">
        <v>350</v>
      </c>
    </row>
    <row r="503" spans="1:14" ht="144" customHeight="1" x14ac:dyDescent="0.2">
      <c r="A503" s="11" t="s">
        <v>23</v>
      </c>
      <c r="B503" s="11" t="s">
        <v>351</v>
      </c>
      <c r="C503" s="20" t="s">
        <v>55</v>
      </c>
      <c r="D503" s="11" t="s">
        <v>352</v>
      </c>
      <c r="E503" s="69">
        <v>45922</v>
      </c>
      <c r="F503" s="69">
        <v>46006</v>
      </c>
      <c r="G503" s="50" t="s">
        <v>346</v>
      </c>
      <c r="H503" s="50" t="s">
        <v>347</v>
      </c>
      <c r="I503" s="49" t="s">
        <v>348</v>
      </c>
      <c r="J503" s="50" t="s">
        <v>60</v>
      </c>
      <c r="K503" s="50" t="s">
        <v>70</v>
      </c>
      <c r="L503" s="70" t="s">
        <v>62</v>
      </c>
      <c r="M503" s="50" t="s">
        <v>349</v>
      </c>
      <c r="N503" s="58" t="s">
        <v>350</v>
      </c>
    </row>
    <row r="504" spans="1:14" ht="144" customHeight="1" x14ac:dyDescent="0.2">
      <c r="A504" s="11" t="s">
        <v>23</v>
      </c>
      <c r="B504" s="11" t="s">
        <v>353</v>
      </c>
      <c r="C504" s="20" t="s">
        <v>55</v>
      </c>
      <c r="D504" s="11" t="s">
        <v>354</v>
      </c>
      <c r="E504" s="69">
        <v>45922</v>
      </c>
      <c r="F504" s="69">
        <v>46006</v>
      </c>
      <c r="G504" s="50" t="s">
        <v>346</v>
      </c>
      <c r="H504" s="50" t="s">
        <v>347</v>
      </c>
      <c r="I504" s="49" t="s">
        <v>348</v>
      </c>
      <c r="J504" s="50" t="s">
        <v>60</v>
      </c>
      <c r="K504" s="50" t="s">
        <v>70</v>
      </c>
      <c r="L504" s="70" t="s">
        <v>62</v>
      </c>
      <c r="M504" s="50" t="s">
        <v>349</v>
      </c>
      <c r="N504" s="58" t="s">
        <v>350</v>
      </c>
    </row>
    <row r="505" spans="1:14" ht="144" customHeight="1" x14ac:dyDescent="0.2">
      <c r="A505" s="11" t="s">
        <v>23</v>
      </c>
      <c r="B505" s="11" t="s">
        <v>359</v>
      </c>
      <c r="C505" s="20" t="s">
        <v>55</v>
      </c>
      <c r="D505" s="11" t="s">
        <v>360</v>
      </c>
      <c r="E505" s="69">
        <v>45925</v>
      </c>
      <c r="F505" s="69">
        <v>45946</v>
      </c>
      <c r="G505" s="50" t="s">
        <v>346</v>
      </c>
      <c r="H505" s="50" t="s">
        <v>347</v>
      </c>
      <c r="I505" s="49" t="s">
        <v>348</v>
      </c>
      <c r="J505" s="50" t="s">
        <v>60</v>
      </c>
      <c r="K505" s="50" t="s">
        <v>70</v>
      </c>
      <c r="L505" s="70" t="s">
        <v>62</v>
      </c>
      <c r="M505" s="50" t="s">
        <v>349</v>
      </c>
      <c r="N505" s="58" t="s">
        <v>350</v>
      </c>
    </row>
    <row r="506" spans="1:14" ht="144" customHeight="1" x14ac:dyDescent="0.2">
      <c r="A506" s="95" t="s">
        <v>23</v>
      </c>
      <c r="B506" s="95" t="s">
        <v>234</v>
      </c>
      <c r="C506" s="8" t="s">
        <v>55</v>
      </c>
      <c r="D506" s="95" t="s">
        <v>235</v>
      </c>
      <c r="E506" s="184">
        <v>45927</v>
      </c>
      <c r="F506" s="184">
        <v>45927</v>
      </c>
      <c r="G506" s="32" t="s">
        <v>236</v>
      </c>
      <c r="H506" s="32" t="s">
        <v>237</v>
      </c>
      <c r="I506" s="32" t="s">
        <v>238</v>
      </c>
      <c r="J506" s="32" t="s">
        <v>239</v>
      </c>
      <c r="K506" s="32" t="s">
        <v>61</v>
      </c>
      <c r="L506" s="186" t="s">
        <v>62</v>
      </c>
      <c r="M506" s="32" t="s">
        <v>240</v>
      </c>
      <c r="N506" s="193" t="s">
        <v>241</v>
      </c>
    </row>
    <row r="507" spans="1:14" ht="144" customHeight="1" x14ac:dyDescent="0.2">
      <c r="A507" s="11" t="s">
        <v>23</v>
      </c>
      <c r="B507" s="11" t="s">
        <v>2111</v>
      </c>
      <c r="C507" s="20" t="s">
        <v>80</v>
      </c>
      <c r="D507" s="11" t="s">
        <v>2112</v>
      </c>
      <c r="E507" s="69">
        <v>45928</v>
      </c>
      <c r="F507" s="69">
        <v>45928</v>
      </c>
      <c r="G507" s="50" t="s">
        <v>2113</v>
      </c>
      <c r="H507" s="50" t="s">
        <v>370</v>
      </c>
      <c r="I507" s="49" t="s">
        <v>2114</v>
      </c>
      <c r="J507" s="50" t="s">
        <v>2115</v>
      </c>
      <c r="K507" s="50" t="s">
        <v>61</v>
      </c>
      <c r="L507" s="70" t="s">
        <v>62</v>
      </c>
      <c r="M507" s="50" t="s">
        <v>2116</v>
      </c>
      <c r="N507" s="2" t="s">
        <v>2117</v>
      </c>
    </row>
    <row r="508" spans="1:14" ht="144" customHeight="1" x14ac:dyDescent="0.2">
      <c r="A508" s="11" t="s">
        <v>23</v>
      </c>
      <c r="B508" s="11" t="s">
        <v>355</v>
      </c>
      <c r="C508" s="20" t="s">
        <v>55</v>
      </c>
      <c r="D508" s="11" t="s">
        <v>356</v>
      </c>
      <c r="E508" s="69">
        <v>45931</v>
      </c>
      <c r="F508" s="69">
        <v>45959</v>
      </c>
      <c r="G508" s="50" t="s">
        <v>346</v>
      </c>
      <c r="H508" s="50" t="s">
        <v>347</v>
      </c>
      <c r="I508" s="49" t="s">
        <v>348</v>
      </c>
      <c r="J508" s="50" t="s">
        <v>60</v>
      </c>
      <c r="K508" s="50" t="s">
        <v>70</v>
      </c>
      <c r="L508" s="70" t="s">
        <v>62</v>
      </c>
      <c r="M508" s="50" t="s">
        <v>349</v>
      </c>
      <c r="N508" s="58" t="s">
        <v>350</v>
      </c>
    </row>
    <row r="509" spans="1:14" ht="118.8" x14ac:dyDescent="0.2">
      <c r="A509" s="11" t="s">
        <v>23</v>
      </c>
      <c r="B509" s="11" t="s">
        <v>361</v>
      </c>
      <c r="C509" s="20" t="s">
        <v>55</v>
      </c>
      <c r="D509" s="11" t="s">
        <v>362</v>
      </c>
      <c r="E509" s="69">
        <v>45932</v>
      </c>
      <c r="F509" s="69">
        <v>45981</v>
      </c>
      <c r="G509" s="50" t="s">
        <v>346</v>
      </c>
      <c r="H509" s="50" t="s">
        <v>347</v>
      </c>
      <c r="I509" s="49" t="s">
        <v>348</v>
      </c>
      <c r="J509" s="50" t="s">
        <v>60</v>
      </c>
      <c r="K509" s="50" t="s">
        <v>70</v>
      </c>
      <c r="L509" s="70" t="s">
        <v>62</v>
      </c>
      <c r="M509" s="50" t="s">
        <v>349</v>
      </c>
      <c r="N509" s="58" t="s">
        <v>350</v>
      </c>
    </row>
    <row r="510" spans="1:14" ht="113.4" x14ac:dyDescent="0.2">
      <c r="A510" s="11" t="s">
        <v>23</v>
      </c>
      <c r="B510" s="11" t="s">
        <v>401</v>
      </c>
      <c r="C510" s="20" t="s">
        <v>55</v>
      </c>
      <c r="D510" s="11" t="s">
        <v>2103</v>
      </c>
      <c r="E510" s="69">
        <v>45939</v>
      </c>
      <c r="F510" s="69">
        <v>45939</v>
      </c>
      <c r="G510" s="50" t="s">
        <v>2104</v>
      </c>
      <c r="H510" s="50" t="s">
        <v>2105</v>
      </c>
      <c r="I510" s="50" t="s">
        <v>2104</v>
      </c>
      <c r="J510" s="50" t="s">
        <v>2106</v>
      </c>
      <c r="K510" s="50" t="s">
        <v>61</v>
      </c>
      <c r="L510" s="70" t="s">
        <v>62</v>
      </c>
      <c r="M510" s="50" t="s">
        <v>2107</v>
      </c>
      <c r="N510" s="196" t="s">
        <v>2108</v>
      </c>
    </row>
    <row r="511" spans="1:14" ht="113.4" x14ac:dyDescent="0.2">
      <c r="A511" s="11" t="s">
        <v>23</v>
      </c>
      <c r="B511" s="11" t="s">
        <v>2109</v>
      </c>
      <c r="C511" s="20" t="s">
        <v>55</v>
      </c>
      <c r="D511" s="11" t="s">
        <v>2110</v>
      </c>
      <c r="E511" s="69">
        <v>45939</v>
      </c>
      <c r="F511" s="69">
        <v>45939</v>
      </c>
      <c r="G511" s="50" t="s">
        <v>2104</v>
      </c>
      <c r="H511" s="50" t="s">
        <v>2105</v>
      </c>
      <c r="I511" s="50" t="s">
        <v>2104</v>
      </c>
      <c r="J511" s="50" t="s">
        <v>2106</v>
      </c>
      <c r="K511" s="50" t="s">
        <v>61</v>
      </c>
      <c r="L511" s="70" t="s">
        <v>62</v>
      </c>
      <c r="M511" s="50" t="s">
        <v>2107</v>
      </c>
      <c r="N511" s="196" t="s">
        <v>2108</v>
      </c>
    </row>
    <row r="512" spans="1:14" ht="191.4" customHeight="1" x14ac:dyDescent="0.2">
      <c r="A512" s="11" t="s">
        <v>23</v>
      </c>
      <c r="B512" s="11" t="s">
        <v>220</v>
      </c>
      <c r="C512" s="20" t="s">
        <v>89</v>
      </c>
      <c r="D512" s="11" t="s">
        <v>221</v>
      </c>
      <c r="E512" s="69">
        <v>45940</v>
      </c>
      <c r="F512" s="69">
        <v>45954</v>
      </c>
      <c r="G512" s="50" t="s">
        <v>222</v>
      </c>
      <c r="H512" s="24" t="s">
        <v>223</v>
      </c>
      <c r="I512" s="50" t="s">
        <v>224</v>
      </c>
      <c r="J512" s="50" t="s">
        <v>60</v>
      </c>
      <c r="K512" s="50" t="s">
        <v>70</v>
      </c>
      <c r="L512" s="70" t="s">
        <v>62</v>
      </c>
      <c r="M512" s="50" t="s">
        <v>225</v>
      </c>
      <c r="N512" s="2" t="s">
        <v>226</v>
      </c>
    </row>
    <row r="513" spans="1:16" ht="158.4" x14ac:dyDescent="0.2">
      <c r="A513" s="4" t="s">
        <v>23</v>
      </c>
      <c r="B513" s="4" t="s">
        <v>2147</v>
      </c>
      <c r="C513" s="6" t="s">
        <v>55</v>
      </c>
      <c r="D513" s="4" t="s">
        <v>191</v>
      </c>
      <c r="E513" s="9">
        <v>45941</v>
      </c>
      <c r="F513" s="9">
        <v>45941</v>
      </c>
      <c r="G513" s="39" t="s">
        <v>192</v>
      </c>
      <c r="H513" s="39" t="s">
        <v>193</v>
      </c>
      <c r="I513" s="39" t="s">
        <v>194</v>
      </c>
      <c r="J513" s="39" t="s">
        <v>195</v>
      </c>
      <c r="K513" s="39" t="s">
        <v>61</v>
      </c>
      <c r="L513" s="10" t="s">
        <v>85</v>
      </c>
      <c r="M513" s="39" t="s">
        <v>196</v>
      </c>
      <c r="N513" s="2" t="s">
        <v>197</v>
      </c>
    </row>
    <row r="514" spans="1:16" ht="113.4" x14ac:dyDescent="0.2">
      <c r="A514" s="11" t="s">
        <v>23</v>
      </c>
      <c r="B514" s="11" t="s">
        <v>401</v>
      </c>
      <c r="C514" s="20" t="s">
        <v>55</v>
      </c>
      <c r="D514" s="11" t="s">
        <v>2103</v>
      </c>
      <c r="E514" s="69">
        <v>45946</v>
      </c>
      <c r="F514" s="69">
        <v>45946</v>
      </c>
      <c r="G514" s="50" t="s">
        <v>2104</v>
      </c>
      <c r="H514" s="50" t="s">
        <v>2105</v>
      </c>
      <c r="I514" s="50" t="s">
        <v>2104</v>
      </c>
      <c r="J514" s="50" t="s">
        <v>2106</v>
      </c>
      <c r="K514" s="50" t="s">
        <v>61</v>
      </c>
      <c r="L514" s="70" t="s">
        <v>62</v>
      </c>
      <c r="M514" s="50" t="s">
        <v>2107</v>
      </c>
      <c r="N514" s="196" t="s">
        <v>2108</v>
      </c>
    </row>
    <row r="515" spans="1:16" ht="113.4" x14ac:dyDescent="0.2">
      <c r="A515" s="11" t="s">
        <v>23</v>
      </c>
      <c r="B515" s="11" t="s">
        <v>401</v>
      </c>
      <c r="C515" s="20" t="s">
        <v>55</v>
      </c>
      <c r="D515" s="11" t="s">
        <v>2103</v>
      </c>
      <c r="E515" s="69">
        <v>45953</v>
      </c>
      <c r="F515" s="69">
        <v>45953</v>
      </c>
      <c r="G515" s="50" t="s">
        <v>2104</v>
      </c>
      <c r="H515" s="50" t="s">
        <v>2105</v>
      </c>
      <c r="I515" s="50" t="s">
        <v>2104</v>
      </c>
      <c r="J515" s="50" t="s">
        <v>2106</v>
      </c>
      <c r="K515" s="50" t="s">
        <v>61</v>
      </c>
      <c r="L515" s="70" t="s">
        <v>62</v>
      </c>
      <c r="M515" s="50" t="s">
        <v>2107</v>
      </c>
      <c r="N515" s="196" t="s">
        <v>2108</v>
      </c>
    </row>
    <row r="516" spans="1:16" ht="113.4" x14ac:dyDescent="0.2">
      <c r="A516" s="11" t="s">
        <v>23</v>
      </c>
      <c r="B516" s="11" t="s">
        <v>2109</v>
      </c>
      <c r="C516" s="20" t="s">
        <v>55</v>
      </c>
      <c r="D516" s="11" t="s">
        <v>2110</v>
      </c>
      <c r="E516" s="69">
        <v>45953</v>
      </c>
      <c r="F516" s="69">
        <v>45953</v>
      </c>
      <c r="G516" s="50" t="s">
        <v>2104</v>
      </c>
      <c r="H516" s="50" t="s">
        <v>2105</v>
      </c>
      <c r="I516" s="50" t="s">
        <v>2104</v>
      </c>
      <c r="J516" s="50" t="s">
        <v>2106</v>
      </c>
      <c r="K516" s="50" t="s">
        <v>61</v>
      </c>
      <c r="L516" s="70" t="s">
        <v>62</v>
      </c>
      <c r="M516" s="50" t="s">
        <v>2107</v>
      </c>
      <c r="N516" s="196" t="s">
        <v>2108</v>
      </c>
      <c r="O516" s="216"/>
      <c r="P516" s="216"/>
    </row>
    <row r="517" spans="1:16" ht="113.4" x14ac:dyDescent="0.2">
      <c r="A517" s="20" t="s">
        <v>2130</v>
      </c>
      <c r="B517" s="20" t="s">
        <v>2131</v>
      </c>
      <c r="C517" s="20" t="s">
        <v>80</v>
      </c>
      <c r="D517" s="20" t="s">
        <v>2132</v>
      </c>
      <c r="E517" s="36">
        <v>45955</v>
      </c>
      <c r="F517" s="36">
        <v>45955</v>
      </c>
      <c r="G517" s="21" t="s">
        <v>2133</v>
      </c>
      <c r="H517" s="21" t="s">
        <v>1811</v>
      </c>
      <c r="I517" s="21" t="s">
        <v>2134</v>
      </c>
      <c r="J517" s="21" t="s">
        <v>2135</v>
      </c>
      <c r="K517" s="21" t="s">
        <v>61</v>
      </c>
      <c r="L517" s="21" t="s">
        <v>62</v>
      </c>
      <c r="M517" s="21" t="s">
        <v>2136</v>
      </c>
      <c r="N517" s="2" t="s">
        <v>2137</v>
      </c>
    </row>
    <row r="518" spans="1:16" ht="66" x14ac:dyDescent="0.2">
      <c r="A518" s="11" t="s">
        <v>23</v>
      </c>
      <c r="B518" s="11" t="s">
        <v>518</v>
      </c>
      <c r="C518" s="20" t="s">
        <v>80</v>
      </c>
      <c r="D518" s="11" t="s">
        <v>519</v>
      </c>
      <c r="E518" s="69">
        <v>45955</v>
      </c>
      <c r="F518" s="69">
        <v>46040</v>
      </c>
      <c r="G518" s="50" t="s">
        <v>521</v>
      </c>
      <c r="H518" s="50" t="s">
        <v>520</v>
      </c>
      <c r="I518" s="49" t="s">
        <v>522</v>
      </c>
      <c r="J518" s="50" t="s">
        <v>523</v>
      </c>
      <c r="K518" s="50" t="s">
        <v>61</v>
      </c>
      <c r="L518" s="70" t="s">
        <v>85</v>
      </c>
      <c r="M518" s="50" t="s">
        <v>524</v>
      </c>
      <c r="N518" s="2" t="s">
        <v>525</v>
      </c>
    </row>
    <row r="519" spans="1:16" ht="66" x14ac:dyDescent="0.2">
      <c r="A519" s="11" t="s">
        <v>23</v>
      </c>
      <c r="B519" s="11" t="s">
        <v>1523</v>
      </c>
      <c r="C519" s="20" t="s">
        <v>89</v>
      </c>
      <c r="D519" s="11" t="s">
        <v>1524</v>
      </c>
      <c r="E519" s="80">
        <v>45963</v>
      </c>
      <c r="F519" s="80">
        <v>45963</v>
      </c>
      <c r="G519" s="50" t="s">
        <v>1124</v>
      </c>
      <c r="H519" s="50" t="s">
        <v>1125</v>
      </c>
      <c r="I519" s="50" t="s">
        <v>1525</v>
      </c>
      <c r="J519" s="50" t="s">
        <v>1526</v>
      </c>
      <c r="K519" s="50" t="s">
        <v>70</v>
      </c>
      <c r="L519" s="70" t="s">
        <v>62</v>
      </c>
      <c r="M519" s="50" t="s">
        <v>1527</v>
      </c>
      <c r="N519" s="5"/>
    </row>
    <row r="520" spans="1:16" ht="113.4" x14ac:dyDescent="0.2">
      <c r="A520" s="11" t="s">
        <v>23</v>
      </c>
      <c r="B520" s="11" t="s">
        <v>401</v>
      </c>
      <c r="C520" s="20" t="s">
        <v>55</v>
      </c>
      <c r="D520" s="11" t="s">
        <v>2103</v>
      </c>
      <c r="E520" s="69">
        <v>45972</v>
      </c>
      <c r="F520" s="69">
        <v>45972</v>
      </c>
      <c r="G520" s="50" t="s">
        <v>2104</v>
      </c>
      <c r="H520" s="50" t="s">
        <v>2105</v>
      </c>
      <c r="I520" s="50" t="s">
        <v>2104</v>
      </c>
      <c r="J520" s="50" t="s">
        <v>2106</v>
      </c>
      <c r="K520" s="50" t="s">
        <v>61</v>
      </c>
      <c r="L520" s="70" t="s">
        <v>62</v>
      </c>
      <c r="M520" s="50" t="s">
        <v>2107</v>
      </c>
      <c r="N520" s="196" t="s">
        <v>2108</v>
      </c>
    </row>
    <row r="521" spans="1:16" ht="131.4" customHeight="1" x14ac:dyDescent="0.2">
      <c r="A521" s="11" t="s">
        <v>23</v>
      </c>
      <c r="B521" s="11" t="s">
        <v>2109</v>
      </c>
      <c r="C521" s="20" t="s">
        <v>55</v>
      </c>
      <c r="D521" s="11" t="s">
        <v>2110</v>
      </c>
      <c r="E521" s="69">
        <v>45972</v>
      </c>
      <c r="F521" s="69">
        <v>45972</v>
      </c>
      <c r="G521" s="50" t="s">
        <v>2104</v>
      </c>
      <c r="H521" s="50" t="s">
        <v>2105</v>
      </c>
      <c r="I521" s="50" t="s">
        <v>2104</v>
      </c>
      <c r="J521" s="50" t="s">
        <v>2106</v>
      </c>
      <c r="K521" s="50" t="s">
        <v>61</v>
      </c>
      <c r="L521" s="70" t="s">
        <v>62</v>
      </c>
      <c r="M521" s="50" t="s">
        <v>2107</v>
      </c>
      <c r="N521" s="196" t="s">
        <v>2108</v>
      </c>
    </row>
    <row r="522" spans="1:16" ht="149.4" customHeight="1" x14ac:dyDescent="0.2">
      <c r="A522" s="11" t="s">
        <v>23</v>
      </c>
      <c r="B522" s="11" t="s">
        <v>357</v>
      </c>
      <c r="C522" s="20" t="s">
        <v>55</v>
      </c>
      <c r="D522" s="11" t="s">
        <v>358</v>
      </c>
      <c r="E522" s="69">
        <v>45973</v>
      </c>
      <c r="F522" s="69">
        <v>46001</v>
      </c>
      <c r="G522" s="50" t="s">
        <v>346</v>
      </c>
      <c r="H522" s="50" t="s">
        <v>347</v>
      </c>
      <c r="I522" s="49" t="s">
        <v>348</v>
      </c>
      <c r="J522" s="50" t="s">
        <v>60</v>
      </c>
      <c r="K522" s="50" t="s">
        <v>70</v>
      </c>
      <c r="L522" s="70" t="s">
        <v>62</v>
      </c>
      <c r="M522" s="50" t="s">
        <v>349</v>
      </c>
      <c r="N522" s="58" t="s">
        <v>350</v>
      </c>
    </row>
    <row r="523" spans="1:16" ht="132" x14ac:dyDescent="0.2">
      <c r="A523" s="4" t="s">
        <v>23</v>
      </c>
      <c r="B523" s="4" t="s">
        <v>1515</v>
      </c>
      <c r="C523" s="6" t="s">
        <v>600</v>
      </c>
      <c r="D523" s="4" t="s">
        <v>1516</v>
      </c>
      <c r="E523" s="9">
        <v>45976</v>
      </c>
      <c r="F523" s="9">
        <v>45977</v>
      </c>
      <c r="G523" s="39" t="s">
        <v>1517</v>
      </c>
      <c r="H523" s="39" t="s">
        <v>1518</v>
      </c>
      <c r="I523" s="39" t="s">
        <v>1519</v>
      </c>
      <c r="J523" s="39" t="s">
        <v>1520</v>
      </c>
      <c r="K523" s="39" t="s">
        <v>70</v>
      </c>
      <c r="L523" s="10" t="s">
        <v>62</v>
      </c>
      <c r="M523" s="39" t="s">
        <v>1521</v>
      </c>
      <c r="N523" s="2" t="s">
        <v>1522</v>
      </c>
    </row>
    <row r="524" spans="1:16" ht="81" x14ac:dyDescent="0.2">
      <c r="A524" s="11" t="s">
        <v>23</v>
      </c>
      <c r="B524" s="11" t="s">
        <v>514</v>
      </c>
      <c r="C524" s="20" t="s">
        <v>55</v>
      </c>
      <c r="D524" s="3" t="s">
        <v>515</v>
      </c>
      <c r="E524" s="42" t="s">
        <v>516</v>
      </c>
      <c r="F524" s="42" t="s">
        <v>517</v>
      </c>
      <c r="G524" s="43" t="s">
        <v>509</v>
      </c>
      <c r="H524" s="43" t="s">
        <v>510</v>
      </c>
      <c r="I524" s="43" t="s">
        <v>511</v>
      </c>
      <c r="J524" s="43" t="s">
        <v>125</v>
      </c>
      <c r="K524" s="50" t="s">
        <v>61</v>
      </c>
      <c r="L524" s="70" t="s">
        <v>62</v>
      </c>
      <c r="M524" s="43" t="s">
        <v>512</v>
      </c>
      <c r="N524" s="60" t="s">
        <v>513</v>
      </c>
    </row>
    <row r="525" spans="1:16" ht="81" x14ac:dyDescent="0.2">
      <c r="A525" s="11" t="s">
        <v>23</v>
      </c>
      <c r="B525" s="11" t="s">
        <v>2093</v>
      </c>
      <c r="C525" s="20" t="s">
        <v>55</v>
      </c>
      <c r="D525" s="11" t="s">
        <v>2094</v>
      </c>
      <c r="E525" s="81" t="s">
        <v>2095</v>
      </c>
      <c r="F525" s="82" t="s">
        <v>2096</v>
      </c>
      <c r="G525" s="50" t="s">
        <v>172</v>
      </c>
      <c r="H525" s="50"/>
      <c r="I525" s="50" t="s">
        <v>2097</v>
      </c>
      <c r="J525" s="50" t="s">
        <v>2098</v>
      </c>
      <c r="K525" s="50" t="s">
        <v>61</v>
      </c>
      <c r="L525" s="70" t="s">
        <v>62</v>
      </c>
      <c r="M525" s="50" t="s">
        <v>2097</v>
      </c>
      <c r="N525" s="2" t="s">
        <v>2099</v>
      </c>
    </row>
    <row r="526" spans="1:16" ht="260.39999999999998" customHeight="1" x14ac:dyDescent="0.2">
      <c r="A526" s="11" t="s">
        <v>23</v>
      </c>
      <c r="B526" s="11" t="s">
        <v>2100</v>
      </c>
      <c r="C526" s="20" t="s">
        <v>55</v>
      </c>
      <c r="D526" s="11" t="s">
        <v>2101</v>
      </c>
      <c r="E526" s="82" t="s">
        <v>2102</v>
      </c>
      <c r="F526" s="83" t="s">
        <v>1689</v>
      </c>
      <c r="G526" s="50" t="s">
        <v>172</v>
      </c>
      <c r="H526" s="50"/>
      <c r="I526" s="50" t="s">
        <v>2097</v>
      </c>
      <c r="J526" s="50" t="s">
        <v>2098</v>
      </c>
      <c r="K526" s="50" t="s">
        <v>61</v>
      </c>
      <c r="L526" s="70" t="s">
        <v>62</v>
      </c>
      <c r="M526" s="50" t="s">
        <v>2097</v>
      </c>
      <c r="N526" s="2" t="s">
        <v>2099</v>
      </c>
    </row>
    <row r="527" spans="1:16" ht="243.6" customHeight="1" x14ac:dyDescent="0.2">
      <c r="A527" s="11" t="s">
        <v>23</v>
      </c>
      <c r="B527" s="11" t="s">
        <v>205</v>
      </c>
      <c r="C527" s="20" t="s">
        <v>55</v>
      </c>
      <c r="D527" s="11" t="s">
        <v>2217</v>
      </c>
      <c r="E527" s="36">
        <v>45813</v>
      </c>
      <c r="F527" s="69">
        <v>46080</v>
      </c>
      <c r="G527" s="50" t="s">
        <v>163</v>
      </c>
      <c r="H527" s="50"/>
      <c r="I527" s="49" t="s">
        <v>199</v>
      </c>
      <c r="J527" s="50" t="s">
        <v>200</v>
      </c>
      <c r="K527" s="50" t="s">
        <v>70</v>
      </c>
      <c r="L527" s="70" t="s">
        <v>62</v>
      </c>
      <c r="M527" s="50" t="s">
        <v>201</v>
      </c>
      <c r="N527" s="2" t="s">
        <v>2218</v>
      </c>
    </row>
    <row r="528" spans="1:16" ht="190.2" customHeight="1" x14ac:dyDescent="0.2">
      <c r="A528" s="11" t="s">
        <v>23</v>
      </c>
      <c r="B528" s="11" t="s">
        <v>206</v>
      </c>
      <c r="C528" s="20" t="s">
        <v>55</v>
      </c>
      <c r="D528" s="11" t="s">
        <v>2219</v>
      </c>
      <c r="E528" s="36">
        <v>45814</v>
      </c>
      <c r="F528" s="69">
        <v>46080</v>
      </c>
      <c r="G528" s="50" t="s">
        <v>163</v>
      </c>
      <c r="H528" s="50"/>
      <c r="I528" s="49" t="s">
        <v>199</v>
      </c>
      <c r="J528" s="50" t="s">
        <v>200</v>
      </c>
      <c r="K528" s="50" t="s">
        <v>70</v>
      </c>
      <c r="L528" s="70" t="s">
        <v>62</v>
      </c>
      <c r="M528" s="50" t="s">
        <v>201</v>
      </c>
      <c r="N528" s="2" t="s">
        <v>2220</v>
      </c>
    </row>
    <row r="529" spans="1:14" ht="355.2" customHeight="1" x14ac:dyDescent="0.2">
      <c r="A529" s="11" t="s">
        <v>23</v>
      </c>
      <c r="B529" s="11" t="s">
        <v>203</v>
      </c>
      <c r="C529" s="20" t="s">
        <v>55</v>
      </c>
      <c r="D529" s="11" t="s">
        <v>2213</v>
      </c>
      <c r="E529" s="36">
        <v>45820</v>
      </c>
      <c r="F529" s="69">
        <v>46080</v>
      </c>
      <c r="G529" s="50" t="s">
        <v>163</v>
      </c>
      <c r="H529" s="50"/>
      <c r="I529" s="49" t="s">
        <v>199</v>
      </c>
      <c r="J529" s="50" t="s">
        <v>200</v>
      </c>
      <c r="K529" s="50" t="s">
        <v>70</v>
      </c>
      <c r="L529" s="70" t="s">
        <v>62</v>
      </c>
      <c r="M529" s="50" t="s">
        <v>201</v>
      </c>
      <c r="N529" s="2" t="s">
        <v>2214</v>
      </c>
    </row>
    <row r="530" spans="1:14" ht="386.4" customHeight="1" x14ac:dyDescent="0.2">
      <c r="A530" s="11" t="s">
        <v>23</v>
      </c>
      <c r="B530" s="11" t="s">
        <v>198</v>
      </c>
      <c r="C530" s="20" t="s">
        <v>55</v>
      </c>
      <c r="D530" s="11" t="s">
        <v>2209</v>
      </c>
      <c r="E530" s="217">
        <v>45829</v>
      </c>
      <c r="F530" s="69">
        <v>46080</v>
      </c>
      <c r="G530" s="50" t="s">
        <v>163</v>
      </c>
      <c r="H530" s="50"/>
      <c r="I530" s="49" t="s">
        <v>199</v>
      </c>
      <c r="J530" s="50" t="s">
        <v>200</v>
      </c>
      <c r="K530" s="50" t="s">
        <v>70</v>
      </c>
      <c r="L530" s="70" t="s">
        <v>62</v>
      </c>
      <c r="M530" s="50" t="s">
        <v>201</v>
      </c>
      <c r="N530" s="2" t="s">
        <v>2210</v>
      </c>
    </row>
    <row r="531" spans="1:14" ht="342" customHeight="1" x14ac:dyDescent="0.2">
      <c r="A531" s="11" t="s">
        <v>23</v>
      </c>
      <c r="B531" s="11" t="s">
        <v>202</v>
      </c>
      <c r="C531" s="20" t="s">
        <v>55</v>
      </c>
      <c r="D531" s="11" t="s">
        <v>2211</v>
      </c>
      <c r="E531" s="36">
        <v>45836</v>
      </c>
      <c r="F531" s="69">
        <v>46080</v>
      </c>
      <c r="G531" s="50" t="s">
        <v>163</v>
      </c>
      <c r="H531" s="50"/>
      <c r="I531" s="49" t="s">
        <v>199</v>
      </c>
      <c r="J531" s="50" t="s">
        <v>200</v>
      </c>
      <c r="K531" s="50" t="s">
        <v>70</v>
      </c>
      <c r="L531" s="70" t="s">
        <v>62</v>
      </c>
      <c r="M531" s="50" t="s">
        <v>201</v>
      </c>
      <c r="N531" s="2" t="s">
        <v>2212</v>
      </c>
    </row>
    <row r="532" spans="1:14" ht="367.8" customHeight="1" x14ac:dyDescent="0.2">
      <c r="A532" s="11" t="s">
        <v>23</v>
      </c>
      <c r="B532" s="11" t="s">
        <v>2227</v>
      </c>
      <c r="C532" s="20" t="s">
        <v>55</v>
      </c>
      <c r="D532" s="11" t="s">
        <v>2228</v>
      </c>
      <c r="E532" s="36">
        <v>45890</v>
      </c>
      <c r="F532" s="69">
        <v>46080</v>
      </c>
      <c r="G532" s="50" t="s">
        <v>163</v>
      </c>
      <c r="H532" s="50"/>
      <c r="I532" s="49" t="s">
        <v>199</v>
      </c>
      <c r="J532" s="50" t="s">
        <v>200</v>
      </c>
      <c r="K532" s="50" t="s">
        <v>70</v>
      </c>
      <c r="L532" s="70" t="s">
        <v>62</v>
      </c>
      <c r="M532" s="50" t="s">
        <v>201</v>
      </c>
      <c r="N532" s="2" t="s">
        <v>2229</v>
      </c>
    </row>
    <row r="533" spans="1:14" ht="279.60000000000002" customHeight="1" x14ac:dyDescent="0.2">
      <c r="A533" s="11" t="s">
        <v>23</v>
      </c>
      <c r="B533" s="11" t="s">
        <v>2224</v>
      </c>
      <c r="C533" s="20" t="s">
        <v>55</v>
      </c>
      <c r="D533" s="11" t="s">
        <v>2225</v>
      </c>
      <c r="E533" s="36">
        <v>45893</v>
      </c>
      <c r="F533" s="69">
        <v>46080</v>
      </c>
      <c r="G533" s="50" t="s">
        <v>163</v>
      </c>
      <c r="H533" s="50"/>
      <c r="I533" s="49" t="s">
        <v>199</v>
      </c>
      <c r="J533" s="50" t="s">
        <v>200</v>
      </c>
      <c r="K533" s="50" t="s">
        <v>70</v>
      </c>
      <c r="L533" s="70" t="s">
        <v>62</v>
      </c>
      <c r="M533" s="50" t="s">
        <v>201</v>
      </c>
      <c r="N533" s="2" t="s">
        <v>2226</v>
      </c>
    </row>
    <row r="534" spans="1:14" ht="322.8" customHeight="1" x14ac:dyDescent="0.2">
      <c r="A534" s="11" t="s">
        <v>23</v>
      </c>
      <c r="B534" s="11" t="s">
        <v>204</v>
      </c>
      <c r="C534" s="20" t="s">
        <v>55</v>
      </c>
      <c r="D534" s="11" t="s">
        <v>2215</v>
      </c>
      <c r="E534" s="36">
        <v>45900</v>
      </c>
      <c r="F534" s="69">
        <v>46080</v>
      </c>
      <c r="G534" s="50" t="s">
        <v>163</v>
      </c>
      <c r="H534" s="50"/>
      <c r="I534" s="49" t="s">
        <v>199</v>
      </c>
      <c r="J534" s="50" t="s">
        <v>200</v>
      </c>
      <c r="K534" s="50" t="s">
        <v>70</v>
      </c>
      <c r="L534" s="70" t="s">
        <v>62</v>
      </c>
      <c r="M534" s="50" t="s">
        <v>201</v>
      </c>
      <c r="N534" s="2" t="s">
        <v>2216</v>
      </c>
    </row>
    <row r="535" spans="1:14" ht="272.39999999999998" customHeight="1" x14ac:dyDescent="0.2">
      <c r="A535" s="11" t="s">
        <v>23</v>
      </c>
      <c r="B535" s="11" t="s">
        <v>207</v>
      </c>
      <c r="C535" s="20" t="s">
        <v>55</v>
      </c>
      <c r="D535" s="11" t="s">
        <v>2221</v>
      </c>
      <c r="E535" s="36" t="s">
        <v>2222</v>
      </c>
      <c r="F535" s="69">
        <v>46080</v>
      </c>
      <c r="G535" s="50" t="s">
        <v>163</v>
      </c>
      <c r="H535" s="50"/>
      <c r="I535" s="49" t="s">
        <v>199</v>
      </c>
      <c r="J535" s="50" t="s">
        <v>200</v>
      </c>
      <c r="K535" s="50" t="s">
        <v>70</v>
      </c>
      <c r="L535" s="70" t="s">
        <v>62</v>
      </c>
      <c r="M535" s="50" t="s">
        <v>201</v>
      </c>
      <c r="N535" s="2" t="s">
        <v>2223</v>
      </c>
    </row>
  </sheetData>
  <autoFilter ref="A2:N535">
    <sortState ref="A133:N159">
      <sortCondition ref="E2:E535"/>
    </sortState>
  </autoFilter>
  <mergeCells count="1">
    <mergeCell ref="A1:N1"/>
  </mergeCells>
  <phoneticPr fontId="2"/>
  <dataValidations count="4">
    <dataValidation type="list" allowBlank="1" showInputMessage="1" showErrorMessage="1" sqref="K3:K110 K112:K535">
      <formula1>"有料,無料,その他"</formula1>
    </dataValidation>
    <dataValidation imeMode="disabled" allowBlank="1" showInputMessage="1" showErrorMessage="1" sqref="N173 N179"/>
    <dataValidation type="list" allowBlank="1" showInputMessage="1" showErrorMessage="1" sqref="L278 L280">
      <formula1>"要,不要"</formula1>
    </dataValidation>
    <dataValidation allowBlank="1" showInputMessage="1" showErrorMessage="1" sqref="E278:F278 E280:F280"/>
  </dataValidations>
  <hyperlinks>
    <hyperlink ref="N3" r:id="rId1"/>
    <hyperlink ref="N6" r:id="rId2"/>
    <hyperlink ref="N5" r:id="rId3"/>
    <hyperlink ref="N43" r:id="rId4"/>
    <hyperlink ref="N34" r:id="rId5"/>
    <hyperlink ref="N51" r:id="rId6"/>
    <hyperlink ref="N7" r:id="rId7"/>
    <hyperlink ref="N8" r:id="rId8"/>
    <hyperlink ref="N9" r:id="rId9"/>
    <hyperlink ref="N10" r:id="rId10"/>
    <hyperlink ref="N11" r:id="rId11"/>
    <hyperlink ref="N12" r:id="rId12"/>
    <hyperlink ref="N13" r:id="rId13"/>
    <hyperlink ref="N14" r:id="rId14"/>
    <hyperlink ref="N15" r:id="rId15"/>
    <hyperlink ref="N16" r:id="rId16"/>
    <hyperlink ref="N17" r:id="rId17"/>
    <hyperlink ref="N18" r:id="rId18"/>
    <hyperlink ref="N19" r:id="rId19"/>
    <hyperlink ref="N20" r:id="rId20"/>
    <hyperlink ref="N21" r:id="rId21"/>
    <hyperlink ref="N22" r:id="rId22"/>
    <hyperlink ref="N23" r:id="rId23"/>
    <hyperlink ref="N24" r:id="rId24"/>
    <hyperlink ref="N25" r:id="rId25"/>
    <hyperlink ref="N26" r:id="rId26"/>
    <hyperlink ref="N27" r:id="rId27"/>
    <hyperlink ref="N28" r:id="rId28"/>
    <hyperlink ref="N29" r:id="rId29"/>
    <hyperlink ref="N30" r:id="rId30"/>
    <hyperlink ref="N31" r:id="rId31"/>
    <hyperlink ref="N32" r:id="rId32"/>
    <hyperlink ref="N33" r:id="rId33"/>
    <hyperlink ref="N35" r:id="rId34"/>
    <hyperlink ref="N36" r:id="rId35"/>
    <hyperlink ref="N39" r:id="rId36"/>
    <hyperlink ref="N41" r:id="rId37"/>
    <hyperlink ref="N40" r:id="rId38"/>
    <hyperlink ref="N42" r:id="rId39"/>
    <hyperlink ref="N45" r:id="rId40"/>
    <hyperlink ref="N44" r:id="rId41"/>
    <hyperlink ref="N46" r:id="rId42"/>
    <hyperlink ref="N48" r:id="rId43"/>
    <hyperlink ref="N50" r:id="rId44"/>
    <hyperlink ref="N38" r:id="rId45"/>
    <hyperlink ref="N59" r:id="rId46"/>
    <hyperlink ref="N55" r:id="rId47"/>
    <hyperlink ref="N37" r:id="rId48"/>
    <hyperlink ref="N47" r:id="rId49"/>
    <hyperlink ref="N56" r:id="rId50"/>
    <hyperlink ref="N49" r:id="rId51"/>
    <hyperlink ref="N61" r:id="rId52"/>
    <hyperlink ref="N66" r:id="rId53"/>
    <hyperlink ref="N63" r:id="rId54" display="https://ferris-concert.studio.site/"/>
    <hyperlink ref="N65" r:id="rId55"/>
    <hyperlink ref="N68" r:id="rId56" display="https://ferris-concert.studio.site/"/>
    <hyperlink ref="N64" r:id="rId57"/>
    <hyperlink ref="N60" r:id="rId58"/>
    <hyperlink ref="N62" r:id="rId59"/>
    <hyperlink ref="N67" r:id="rId60"/>
    <hyperlink ref="N69" r:id="rId61"/>
    <hyperlink ref="N72" r:id="rId62"/>
    <hyperlink ref="N75" r:id="rId63"/>
    <hyperlink ref="N71" r:id="rId64"/>
    <hyperlink ref="N73" r:id="rId65"/>
    <hyperlink ref="N74" r:id="rId66"/>
    <hyperlink ref="N70" r:id="rId67"/>
    <hyperlink ref="N77" r:id="rId68"/>
    <hyperlink ref="N78" r:id="rId69" display="https://www.kanagawa-park.or.jp/hodogaya/"/>
    <hyperlink ref="N81" r:id="rId70"/>
    <hyperlink ref="N76" r:id="rId71"/>
    <hyperlink ref="N84" r:id="rId72"/>
    <hyperlink ref="N85" r:id="rId73"/>
    <hyperlink ref="N86" r:id="rId74"/>
    <hyperlink ref="N88" r:id="rId75"/>
    <hyperlink ref="N91" r:id="rId76"/>
    <hyperlink ref="N90" r:id="rId77"/>
    <hyperlink ref="N89" r:id="rId78"/>
    <hyperlink ref="N95" r:id="rId79"/>
    <hyperlink ref="N97" r:id="rId80"/>
    <hyperlink ref="N100" r:id="rId81"/>
    <hyperlink ref="N101" r:id="rId82"/>
    <hyperlink ref="N102" r:id="rId83" display="https://kanagawa-park.or.jp/sakaigawa/"/>
    <hyperlink ref="N103" r:id="rId84" display="https://kanagawa-park.or.jp/sakaigawa/"/>
    <hyperlink ref="N104" r:id="rId85" display="https://kanagawa-park.or.jp/sakaigawa/"/>
    <hyperlink ref="N105" r:id="rId86" display="https://kanagawa-park.or.jp/sakaigawa/"/>
    <hyperlink ref="N107" r:id="rId87"/>
    <hyperlink ref="N108" r:id="rId88"/>
    <hyperlink ref="N109" r:id="rId89"/>
    <hyperlink ref="N110" r:id="rId90"/>
    <hyperlink ref="N111" r:id="rId91"/>
    <hyperlink ref="N112" r:id="rId92"/>
    <hyperlink ref="N113" r:id="rId93"/>
    <hyperlink ref="N114" r:id="rId94"/>
    <hyperlink ref="N115" r:id="rId95"/>
    <hyperlink ref="N116" r:id="rId96"/>
    <hyperlink ref="N117" r:id="rId97"/>
    <hyperlink ref="N118" r:id="rId98"/>
    <hyperlink ref="N119" r:id="rId99"/>
    <hyperlink ref="N120" r:id="rId100"/>
    <hyperlink ref="N121" r:id="rId101"/>
    <hyperlink ref="N122" r:id="rId102"/>
    <hyperlink ref="N123" r:id="rId103"/>
    <hyperlink ref="N125" r:id="rId104"/>
    <hyperlink ref="N126" r:id="rId105"/>
    <hyperlink ref="N127" r:id="rId106"/>
    <hyperlink ref="N128" r:id="rId107"/>
    <hyperlink ref="N129" r:id="rId108"/>
    <hyperlink ref="N130" r:id="rId109"/>
    <hyperlink ref="N131" r:id="rId110"/>
    <hyperlink ref="N124" r:id="rId111" display="https://www.pref.kanagawa.jp/docs/vn7/cnt/f7179/index.html"/>
    <hyperlink ref="N132" r:id="rId112"/>
    <hyperlink ref="N133" r:id="rId113"/>
    <hyperlink ref="N150" r:id="rId114"/>
    <hyperlink ref="N154" r:id="rId115"/>
    <hyperlink ref="N146" r:id="rId116"/>
    <hyperlink ref="N151" r:id="rId117"/>
    <hyperlink ref="N159" r:id="rId118" display="https://www.fujino-art.jp/"/>
    <hyperlink ref="N158" r:id="rId119" display="https://www.fujino-art.jp/"/>
    <hyperlink ref="N137" r:id="rId120"/>
    <hyperlink ref="N140" r:id="rId121"/>
    <hyperlink ref="N136" r:id="rId122"/>
    <hyperlink ref="N152" r:id="rId123"/>
    <hyperlink ref="N135" r:id="rId124"/>
    <hyperlink ref="N138" r:id="rId125"/>
    <hyperlink ref="N148" r:id="rId126"/>
    <hyperlink ref="N155" r:id="rId127"/>
    <hyperlink ref="N164" r:id="rId128" display="https://www.lib.sagamihara.kanagawa.jp/"/>
    <hyperlink ref="N187" r:id="rId129"/>
    <hyperlink ref="N209" r:id="rId130"/>
    <hyperlink ref="N204" r:id="rId131" display="https://www.lib.sagamihara.kanagawa.jp/"/>
    <hyperlink ref="N192" r:id="rId132" display="https://www.lib.sagamihara.kanagawa.jp/"/>
    <hyperlink ref="N188" r:id="rId133"/>
    <hyperlink ref="N216" r:id="rId134"/>
    <hyperlink ref="N215" r:id="rId135"/>
    <hyperlink ref="N218" r:id="rId136"/>
    <hyperlink ref="N217" r:id="rId137"/>
    <hyperlink ref="N203" r:id="rId138"/>
    <hyperlink ref="N220" r:id="rId139"/>
    <hyperlink ref="N230" r:id="rId140"/>
    <hyperlink ref="N219" r:id="rId141"/>
    <hyperlink ref="N221" r:id="rId142"/>
    <hyperlink ref="N224" r:id="rId143"/>
    <hyperlink ref="N227" r:id="rId144"/>
    <hyperlink ref="N232" r:id="rId145"/>
    <hyperlink ref="N233" r:id="rId146"/>
    <hyperlink ref="N234" r:id="rId147"/>
    <hyperlink ref="N235" r:id="rId148"/>
    <hyperlink ref="N225" r:id="rId149"/>
    <hyperlink ref="N231" r:id="rId150"/>
    <hyperlink ref="N238" r:id="rId151"/>
    <hyperlink ref="N223" r:id="rId152"/>
    <hyperlink ref="N229" r:id="rId153"/>
    <hyperlink ref="N228" r:id="rId154"/>
    <hyperlink ref="N226" r:id="rId155"/>
    <hyperlink ref="N240" r:id="rId156"/>
    <hyperlink ref="N242" r:id="rId157"/>
    <hyperlink ref="N260" r:id="rId158"/>
    <hyperlink ref="N249" r:id="rId159"/>
    <hyperlink ref="N252" r:id="rId160"/>
    <hyperlink ref="N254" r:id="rId161"/>
    <hyperlink ref="N256" r:id="rId162"/>
    <hyperlink ref="N247" r:id="rId163"/>
    <hyperlink ref="N278" r:id="rId164"/>
    <hyperlink ref="N257" r:id="rId165"/>
    <hyperlink ref="N279" r:id="rId166"/>
    <hyperlink ref="N277" r:id="rId167"/>
    <hyperlink ref="N280" r:id="rId168"/>
    <hyperlink ref="N274" r:id="rId169"/>
    <hyperlink ref="N281" r:id="rId170"/>
    <hyperlink ref="N283" r:id="rId171"/>
    <hyperlink ref="N285" r:id="rId172"/>
    <hyperlink ref="N286" r:id="rId173"/>
    <hyperlink ref="N288" r:id="rId174"/>
    <hyperlink ref="N289" r:id="rId175"/>
    <hyperlink ref="N290" r:id="rId176"/>
    <hyperlink ref="N293" r:id="rId177"/>
    <hyperlink ref="N294" r:id="rId178"/>
    <hyperlink ref="N295" r:id="rId179"/>
    <hyperlink ref="N299" r:id="rId180"/>
    <hyperlink ref="N300" r:id="rId181"/>
    <hyperlink ref="N301" r:id="rId182"/>
    <hyperlink ref="N304" r:id="rId183"/>
    <hyperlink ref="N306" r:id="rId184"/>
    <hyperlink ref="N282" r:id="rId185"/>
    <hyperlink ref="N302" r:id="rId186"/>
    <hyperlink ref="N284" r:id="rId187"/>
    <hyperlink ref="N298" r:id="rId188"/>
    <hyperlink ref="N291" r:id="rId189"/>
    <hyperlink ref="N309" r:id="rId190"/>
    <hyperlink ref="N310" r:id="rId191"/>
    <hyperlink ref="N292" r:id="rId192"/>
    <hyperlink ref="N308" r:id="rId193"/>
    <hyperlink ref="N315" r:id="rId194" display="https://www.kanagawa-park.or.jp/satoyama/"/>
    <hyperlink ref="N318" r:id="rId195"/>
    <hyperlink ref="N316" r:id="rId196" display="https://www.pref.kanagawa.jp/docs/tz5/pub/r7-sailingkansen-taiken.html"/>
    <hyperlink ref="N317" r:id="rId197" display="https://www.pref.kanagawa.jp/docs/tz5/pub/r7-sailingkansen-taiken.html"/>
    <hyperlink ref="N319" r:id="rId198"/>
    <hyperlink ref="N320" r:id="rId199"/>
    <hyperlink ref="N321" r:id="rId200"/>
    <hyperlink ref="N323" r:id="rId201"/>
    <hyperlink ref="N324" r:id="rId202"/>
    <hyperlink ref="N322" r:id="rId203"/>
    <hyperlink ref="N326" r:id="rId204"/>
    <hyperlink ref="N327" r:id="rId205"/>
    <hyperlink ref="N325" r:id="rId206"/>
    <hyperlink ref="N333" r:id="rId207" display="https://www.city.yamato.lg.jp/gyosei/soshik/2017/bunka_geijutsu/bunka_geizyutu_zigyou/4088.html"/>
    <hyperlink ref="N328" r:id="rId208"/>
    <hyperlink ref="N331" r:id="rId209"/>
    <hyperlink ref="N334" r:id="rId210"/>
    <hyperlink ref="N330" r:id="rId211"/>
    <hyperlink ref="N332" r:id="rId212"/>
    <hyperlink ref="N339" r:id="rId213"/>
    <hyperlink ref="N336" r:id="rId214"/>
    <hyperlink ref="N338" r:id="rId215"/>
    <hyperlink ref="N337" r:id="rId216"/>
    <hyperlink ref="N347" r:id="rId217" display="https://www.city.zama.kanagawa.jp/shisetsu/kyoiku/kouminkan/1008638.html"/>
    <hyperlink ref="N349" r:id="rId218"/>
    <hyperlink ref="N360" r:id="rId219"/>
    <hyperlink ref="N356" r:id="rId220"/>
    <hyperlink ref="N370" r:id="rId221"/>
    <hyperlink ref="N371" r:id="rId222"/>
    <hyperlink ref="N372" r:id="rId223"/>
    <hyperlink ref="N373" r:id="rId224"/>
    <hyperlink ref="N374" r:id="rId225"/>
    <hyperlink ref="N375" r:id="rId226"/>
    <hyperlink ref="N368" r:id="rId227"/>
    <hyperlink ref="N377" r:id="rId228"/>
    <hyperlink ref="N369" r:id="rId229"/>
    <hyperlink ref="N379" r:id="rId230"/>
    <hyperlink ref="N380" r:id="rId231"/>
    <hyperlink ref="N381" r:id="rId232"/>
    <hyperlink ref="N382" r:id="rId233"/>
    <hyperlink ref="N378" r:id="rId234"/>
    <hyperlink ref="N388" r:id="rId235"/>
    <hyperlink ref="N389" r:id="rId236"/>
    <hyperlink ref="N395" r:id="rId237"/>
    <hyperlink ref="N415" r:id="rId238"/>
    <hyperlink ref="N405" r:id="rId239"/>
    <hyperlink ref="N411" r:id="rId240"/>
    <hyperlink ref="N417" r:id="rId241"/>
    <hyperlink ref="N403" r:id="rId242"/>
    <hyperlink ref="N409" r:id="rId243"/>
    <hyperlink ref="N410" r:id="rId244"/>
    <hyperlink ref="N391" r:id="rId245"/>
    <hyperlink ref="N402" r:id="rId246"/>
    <hyperlink ref="N414" r:id="rId247"/>
    <hyperlink ref="N387" r:id="rId248"/>
    <hyperlink ref="N406" r:id="rId249"/>
    <hyperlink ref="N383" r:id="rId250"/>
    <hyperlink ref="N384" r:id="rId251"/>
    <hyperlink ref="N396" r:id="rId252"/>
    <hyperlink ref="N397" r:id="rId253"/>
    <hyperlink ref="N407" r:id="rId254"/>
    <hyperlink ref="N392" r:id="rId255"/>
    <hyperlink ref="N412" r:id="rId256"/>
    <hyperlink ref="N394" r:id="rId257"/>
    <hyperlink ref="N413" r:id="rId258"/>
    <hyperlink ref="N385" r:id="rId259"/>
    <hyperlink ref="N398" r:id="rId260"/>
    <hyperlink ref="N416" r:id="rId261"/>
    <hyperlink ref="N390" r:id="rId262"/>
    <hyperlink ref="N404" r:id="rId263"/>
    <hyperlink ref="N393" r:id="rId264"/>
    <hyperlink ref="N408" r:id="rId265"/>
    <hyperlink ref="N386" r:id="rId266"/>
    <hyperlink ref="N399" r:id="rId267"/>
    <hyperlink ref="N418" r:id="rId268"/>
    <hyperlink ref="N400" r:id="rId269"/>
    <hyperlink ref="N419" r:id="rId270"/>
    <hyperlink ref="N401" r:id="rId271"/>
    <hyperlink ref="N420" r:id="rId272"/>
    <hyperlink ref="N423" r:id="rId273"/>
    <hyperlink ref="N425" r:id="rId274"/>
    <hyperlink ref="N426" r:id="rId275"/>
    <hyperlink ref="N427" r:id="rId276"/>
    <hyperlink ref="N428" r:id="rId277"/>
    <hyperlink ref="N429" r:id="rId278"/>
    <hyperlink ref="N430" r:id="rId279"/>
    <hyperlink ref="N459" r:id="rId280"/>
    <hyperlink ref="N458" r:id="rId281"/>
    <hyperlink ref="N451" r:id="rId282"/>
    <hyperlink ref="N455" r:id="rId283"/>
    <hyperlink ref="N452" r:id="rId284"/>
    <hyperlink ref="N454" r:id="rId285"/>
    <hyperlink ref="N460" r:id="rId286" display="https://ktm.or.jp/event/25k-11/"/>
    <hyperlink ref="N462" r:id="rId287" display="https://ktm.or.jp/event/25k-14/"/>
    <hyperlink ref="N465" r:id="rId288"/>
    <hyperlink ref="N467" r:id="rId289" display="https://ktm.or.jp/event/25k-13/"/>
    <hyperlink ref="N475" r:id="rId290"/>
    <hyperlink ref="N474" r:id="rId291"/>
    <hyperlink ref="N478" r:id="rId292"/>
    <hyperlink ref="N471" r:id="rId293"/>
    <hyperlink ref="N472" r:id="rId294"/>
    <hyperlink ref="N476" r:id="rId295"/>
    <hyperlink ref="N477" r:id="rId296"/>
    <hyperlink ref="N493" r:id="rId297"/>
    <hyperlink ref="N494" r:id="rId298"/>
    <hyperlink ref="N495" r:id="rId299"/>
    <hyperlink ref="N483" r:id="rId300"/>
    <hyperlink ref="N484" r:id="rId301"/>
    <hyperlink ref="N485" r:id="rId302"/>
    <hyperlink ref="N496" r:id="rId303"/>
    <hyperlink ref="N486" r:id="rId304"/>
    <hyperlink ref="N487" r:id="rId305"/>
    <hyperlink ref="N488" r:id="rId306"/>
    <hyperlink ref="N489" r:id="rId307"/>
    <hyperlink ref="N490" r:id="rId308"/>
    <hyperlink ref="N491" r:id="rId309"/>
    <hyperlink ref="N492" r:id="rId310"/>
    <hyperlink ref="N497" r:id="rId311"/>
    <hyperlink ref="N498" r:id="rId312"/>
    <hyperlink ref="N513" r:id="rId313" display="https://jiesofficial.com/"/>
    <hyperlink ref="N531" r:id="rId314" display="https://www.yashima.ac.jp/univ/extension/course/2025/03/post-629.html"/>
    <hyperlink ref="N529" r:id="rId315" display="https://www.yashima.ac.jp/univ/extension/course/2025/03/post-630.html"/>
    <hyperlink ref="N534" r:id="rId316" display="https://www.yashima.ac.jp/univ/extension/course/2025/05/-2025-4.html"/>
    <hyperlink ref="N527" r:id="rId317" display="https://www.yashima.ac.jp/univ/extension/course/2025/04/post-631.html"/>
    <hyperlink ref="N528" r:id="rId318" display="https://www.yashima.ac.jp/univ/extension/course/2025/04/post-632.html"/>
    <hyperlink ref="N535" r:id="rId319" display="https://www.yashima.ac.jp/univ/extension/course/2025/04/1-32-7.html"/>
    <hyperlink ref="N530" r:id="rId320" display="https://www.yashima.ac.jp/univ/extension/course/2025/05/-f.html"/>
    <hyperlink ref="N502" r:id="rId321"/>
    <hyperlink ref="N503" r:id="rId322"/>
    <hyperlink ref="N504" r:id="rId323"/>
    <hyperlink ref="N508" r:id="rId324"/>
    <hyperlink ref="N522" r:id="rId325"/>
    <hyperlink ref="N505" r:id="rId326"/>
    <hyperlink ref="N509" r:id="rId327"/>
    <hyperlink ref="N499" r:id="rId328"/>
    <hyperlink ref="N500" r:id="rId329"/>
    <hyperlink ref="N512" r:id="rId330"/>
    <hyperlink ref="N506" r:id="rId331"/>
    <hyperlink ref="N517" r:id="rId332"/>
    <hyperlink ref="N501" r:id="rId333"/>
    <hyperlink ref="N524" r:id="rId334"/>
    <hyperlink ref="N518" r:id="rId335" display="https://www.kanabun.net/"/>
    <hyperlink ref="N523" r:id="rId336"/>
    <hyperlink ref="N525" r:id="rId337"/>
    <hyperlink ref="N526" r:id="rId338"/>
    <hyperlink ref="N510" r:id="rId339"/>
    <hyperlink ref="N514" r:id="rId340"/>
    <hyperlink ref="N515" r:id="rId341"/>
    <hyperlink ref="N520" r:id="rId342"/>
    <hyperlink ref="N511" r:id="rId343"/>
    <hyperlink ref="N516" r:id="rId344"/>
    <hyperlink ref="N521" r:id="rId345"/>
    <hyperlink ref="N507" r:id="rId346"/>
    <hyperlink ref="N57" r:id="rId347"/>
    <hyperlink ref="N533" r:id="rId348" display="https://www.yashima.ac.jp/univ/extension/course/2025/04/1-32-7.html"/>
    <hyperlink ref="N532" r:id="rId349" display="https://www.yashima.ac.jp/univ/extension/course/2025/04/1-32-7.html"/>
    <hyperlink ref="N297" r:id="rId350"/>
    <hyperlink ref="N149" r:id="rId351"/>
  </hyperlinks>
  <pageMargins left="0.23622047244094491" right="0.23622047244094491" top="0.74803149606299213" bottom="0.74803149606299213" header="0.31496062992125984" footer="0.31496062992125984"/>
  <pageSetup paperSize="8" scale="68" fitToHeight="0" orientation="portrait" r:id="rId35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1">
    <pageSetUpPr fitToPage="1"/>
  </sheetPr>
  <dimension ref="A1:N7"/>
  <sheetViews>
    <sheetView zoomScale="80" zoomScaleNormal="80" workbookViewId="0">
      <pane ySplit="2" topLeftCell="A3" activePane="bottomLeft" state="frozen"/>
      <selection activeCell="Q5" sqref="Q5"/>
      <selection pane="bottomLeft" activeCell="K24" sqref="K24"/>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40.200000000000003" thickTop="1" x14ac:dyDescent="0.2">
      <c r="A3" s="11" t="s">
        <v>4</v>
      </c>
      <c r="B3" s="11" t="s">
        <v>1028</v>
      </c>
      <c r="C3" s="12" t="s">
        <v>55</v>
      </c>
      <c r="D3" s="11" t="s">
        <v>1066</v>
      </c>
      <c r="E3" s="69">
        <v>45934</v>
      </c>
      <c r="F3" s="69">
        <v>45935</v>
      </c>
      <c r="G3" s="50" t="s">
        <v>1067</v>
      </c>
      <c r="H3" s="50" t="s">
        <v>1068</v>
      </c>
      <c r="I3" s="49" t="s">
        <v>1069</v>
      </c>
      <c r="J3" s="50" t="s">
        <v>1070</v>
      </c>
      <c r="K3" s="50" t="s">
        <v>61</v>
      </c>
      <c r="L3" s="70" t="s">
        <v>62</v>
      </c>
      <c r="M3" s="50" t="s">
        <v>1071</v>
      </c>
      <c r="N3" s="160"/>
    </row>
    <row r="4" spans="1:14" s="68" customFormat="1" ht="52.8" x14ac:dyDescent="0.2">
      <c r="A4" s="11" t="s">
        <v>4</v>
      </c>
      <c r="B4" s="11" t="s">
        <v>1072</v>
      </c>
      <c r="C4" s="12" t="s">
        <v>55</v>
      </c>
      <c r="D4" s="11" t="s">
        <v>1073</v>
      </c>
      <c r="E4" s="69">
        <v>45949</v>
      </c>
      <c r="F4" s="69">
        <v>45949</v>
      </c>
      <c r="G4" s="50" t="s">
        <v>1069</v>
      </c>
      <c r="H4" s="50" t="s">
        <v>1068</v>
      </c>
      <c r="I4" s="50" t="s">
        <v>1069</v>
      </c>
      <c r="J4" s="50" t="s">
        <v>1074</v>
      </c>
      <c r="K4" s="50" t="s">
        <v>70</v>
      </c>
      <c r="L4" s="70" t="s">
        <v>62</v>
      </c>
      <c r="M4" s="50" t="s">
        <v>1071</v>
      </c>
      <c r="N4" s="160"/>
    </row>
    <row r="5" spans="1:14" s="68" customFormat="1" ht="39.6" x14ac:dyDescent="0.2">
      <c r="A5" s="11" t="s">
        <v>4</v>
      </c>
      <c r="B5" s="11" t="s">
        <v>1075</v>
      </c>
      <c r="C5" s="20" t="s">
        <v>55</v>
      </c>
      <c r="D5" s="74" t="s">
        <v>1076</v>
      </c>
      <c r="E5" s="69">
        <v>45949</v>
      </c>
      <c r="F5" s="69">
        <v>45949</v>
      </c>
      <c r="G5" s="50" t="s">
        <v>1077</v>
      </c>
      <c r="H5" s="50" t="s">
        <v>1078</v>
      </c>
      <c r="I5" s="50" t="s">
        <v>1069</v>
      </c>
      <c r="J5" s="50" t="s">
        <v>1079</v>
      </c>
      <c r="K5" s="50" t="s">
        <v>61</v>
      </c>
      <c r="L5" s="70" t="s">
        <v>62</v>
      </c>
      <c r="M5" s="93" t="s">
        <v>1071</v>
      </c>
      <c r="N5" s="160"/>
    </row>
    <row r="6" spans="1:14" s="68" customFormat="1" ht="52.8" x14ac:dyDescent="0.2">
      <c r="A6" s="11" t="s">
        <v>1080</v>
      </c>
      <c r="B6" s="65" t="s">
        <v>1081</v>
      </c>
      <c r="C6" s="12" t="s">
        <v>55</v>
      </c>
      <c r="D6" s="11" t="s">
        <v>1082</v>
      </c>
      <c r="E6" s="69">
        <v>45956</v>
      </c>
      <c r="F6" s="69">
        <v>45956</v>
      </c>
      <c r="G6" s="50" t="s">
        <v>1069</v>
      </c>
      <c r="H6" s="50" t="s">
        <v>1068</v>
      </c>
      <c r="I6" s="50" t="s">
        <v>1069</v>
      </c>
      <c r="J6" s="50" t="s">
        <v>1083</v>
      </c>
      <c r="K6" s="50" t="s">
        <v>70</v>
      </c>
      <c r="L6" s="70" t="s">
        <v>62</v>
      </c>
      <c r="M6" s="50" t="s">
        <v>1071</v>
      </c>
      <c r="N6" s="160"/>
    </row>
    <row r="7" spans="1:14" s="68" customFormat="1" ht="113.4" x14ac:dyDescent="0.2">
      <c r="A7" s="14" t="s">
        <v>4</v>
      </c>
      <c r="B7" s="47" t="s">
        <v>1867</v>
      </c>
      <c r="C7" s="16" t="s">
        <v>600</v>
      </c>
      <c r="D7" s="14" t="s">
        <v>1868</v>
      </c>
      <c r="E7" s="38" t="s">
        <v>1869</v>
      </c>
      <c r="F7" s="38" t="s">
        <v>1869</v>
      </c>
      <c r="G7" s="13" t="s">
        <v>1870</v>
      </c>
      <c r="H7" s="13" t="s">
        <v>1871</v>
      </c>
      <c r="I7" s="13" t="s">
        <v>1872</v>
      </c>
      <c r="J7" s="13" t="s">
        <v>1873</v>
      </c>
      <c r="K7" s="13" t="s">
        <v>70</v>
      </c>
      <c r="L7" s="17" t="s">
        <v>62</v>
      </c>
      <c r="M7" s="13" t="s">
        <v>1874</v>
      </c>
      <c r="N7" s="159" t="s">
        <v>1875</v>
      </c>
    </row>
  </sheetData>
  <mergeCells count="1">
    <mergeCell ref="A1:N1"/>
  </mergeCells>
  <phoneticPr fontId="2"/>
  <dataValidations count="1">
    <dataValidation type="list" allowBlank="1" showInputMessage="1" showErrorMessage="1" sqref="K3:K7">
      <formula1>"有料,無料,その他"</formula1>
    </dataValidation>
  </dataValidations>
  <hyperlinks>
    <hyperlink ref="N7" r:id="rId1" display="https://www.kanagawa-park.or.jp/satoyama/"/>
  </hyperlinks>
  <pageMargins left="0.23622047244094491" right="0.23622047244094491" top="0.74803149606299213" bottom="0.74803149606299213" header="0.31496062992125984" footer="0.31496062992125984"/>
  <pageSetup paperSize="9" scale="50" fitToHeight="0" orientation="portrait"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2">
    <pageSetUpPr fitToPage="1"/>
  </sheetPr>
  <dimension ref="A1:N5"/>
  <sheetViews>
    <sheetView zoomScale="80" zoomScaleNormal="80" workbookViewId="0">
      <pane ySplit="2" topLeftCell="A4" activePane="bottomLeft" state="frozen"/>
      <selection activeCell="Q5" sqref="Q5"/>
      <selection pane="bottomLeft" activeCell="R4" sqref="R4"/>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178.8" thickTop="1" x14ac:dyDescent="0.2">
      <c r="A3" s="11" t="s">
        <v>5</v>
      </c>
      <c r="B3" s="65" t="s">
        <v>1876</v>
      </c>
      <c r="C3" s="12" t="s">
        <v>600</v>
      </c>
      <c r="D3" s="11" t="s">
        <v>1877</v>
      </c>
      <c r="E3" s="69">
        <v>45921</v>
      </c>
      <c r="F3" s="69">
        <v>45921</v>
      </c>
      <c r="G3" s="50" t="s">
        <v>1879</v>
      </c>
      <c r="H3" s="50" t="s">
        <v>1880</v>
      </c>
      <c r="I3" s="49" t="s">
        <v>1797</v>
      </c>
      <c r="J3" s="50" t="s">
        <v>1881</v>
      </c>
      <c r="K3" s="50" t="s">
        <v>61</v>
      </c>
      <c r="L3" s="70" t="s">
        <v>62</v>
      </c>
      <c r="M3" s="50" t="s">
        <v>1799</v>
      </c>
      <c r="N3" s="159" t="s">
        <v>1882</v>
      </c>
    </row>
    <row r="4" spans="1:14" s="68" customFormat="1" ht="178.2" x14ac:dyDescent="0.2">
      <c r="A4" s="11" t="s">
        <v>5</v>
      </c>
      <c r="B4" s="65" t="s">
        <v>1876</v>
      </c>
      <c r="C4" s="12" t="s">
        <v>600</v>
      </c>
      <c r="D4" s="65" t="s">
        <v>1878</v>
      </c>
      <c r="E4" s="69">
        <v>45941</v>
      </c>
      <c r="F4" s="69">
        <v>45941</v>
      </c>
      <c r="G4" s="50" t="s">
        <v>1879</v>
      </c>
      <c r="H4" s="50" t="s">
        <v>1880</v>
      </c>
      <c r="I4" s="50" t="s">
        <v>1797</v>
      </c>
      <c r="J4" s="50" t="s">
        <v>1881</v>
      </c>
      <c r="K4" s="50" t="s">
        <v>61</v>
      </c>
      <c r="L4" s="70" t="s">
        <v>62</v>
      </c>
      <c r="M4" s="90" t="s">
        <v>1799</v>
      </c>
      <c r="N4" s="159" t="s">
        <v>1882</v>
      </c>
    </row>
    <row r="5" spans="1:14" s="68" customFormat="1" ht="178.2" x14ac:dyDescent="0.2">
      <c r="A5" s="11" t="s">
        <v>5</v>
      </c>
      <c r="B5" s="65" t="s">
        <v>1084</v>
      </c>
      <c r="C5" s="12" t="s">
        <v>99</v>
      </c>
      <c r="D5" s="65" t="s">
        <v>1085</v>
      </c>
      <c r="E5" s="69">
        <v>45948</v>
      </c>
      <c r="F5" s="69">
        <v>46005</v>
      </c>
      <c r="G5" s="50" t="s">
        <v>1086</v>
      </c>
      <c r="H5" s="50" t="s">
        <v>1087</v>
      </c>
      <c r="I5" s="49" t="s">
        <v>1088</v>
      </c>
      <c r="J5" s="50" t="s">
        <v>554</v>
      </c>
      <c r="K5" s="50" t="s">
        <v>577</v>
      </c>
      <c r="L5" s="70" t="s">
        <v>85</v>
      </c>
      <c r="M5" s="90" t="s">
        <v>1089</v>
      </c>
      <c r="N5" s="174" t="s">
        <v>1090</v>
      </c>
    </row>
  </sheetData>
  <mergeCells count="1">
    <mergeCell ref="A1:N1"/>
  </mergeCells>
  <phoneticPr fontId="2"/>
  <dataValidations count="1">
    <dataValidation type="list" allowBlank="1" showInputMessage="1" showErrorMessage="1" sqref="K3:K5">
      <formula1>"有料,無料,その他"</formula1>
    </dataValidation>
  </dataValidations>
  <hyperlinks>
    <hyperlink ref="N3" r:id="rId1" display="https://www.pref.kanagawa.jp/docs/tz5/pub/r7-sailingkansen-taiken.html"/>
    <hyperlink ref="N4" r:id="rId2" display="https://www.pref.kanagawa.jp/docs/tz5/pub/r7-sailingkansen-taiken.html"/>
    <hyperlink ref="N5" r:id="rId3"/>
  </hyperlinks>
  <pageMargins left="0.23622047244094491" right="0.23622047244094491" top="0.74803149606299213" bottom="0.74803149606299213" header="0.31496062992125984" footer="0.31496062992125984"/>
  <pageSetup paperSize="9" scale="50" fitToHeight="0" orientation="portrait" r:id="rId4"/>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3">
    <pageSetUpPr fitToPage="1"/>
  </sheetPr>
  <dimension ref="A1:N4"/>
  <sheetViews>
    <sheetView zoomScale="80" zoomScaleNormal="80" workbookViewId="0">
      <pane ySplit="2" topLeftCell="A3" activePane="bottomLeft" state="frozen"/>
      <selection activeCell="Q5" sqref="Q5"/>
      <selection pane="bottomLeft" activeCell="J25" sqref="J25"/>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130.19999999999999" thickTop="1" x14ac:dyDescent="0.2">
      <c r="A3" s="4" t="s">
        <v>6</v>
      </c>
      <c r="B3" s="66" t="s">
        <v>1091</v>
      </c>
      <c r="C3" s="7" t="s">
        <v>55</v>
      </c>
      <c r="D3" s="66" t="s">
        <v>1092</v>
      </c>
      <c r="E3" s="9">
        <v>45927</v>
      </c>
      <c r="F3" s="9">
        <v>45927</v>
      </c>
      <c r="G3" s="39" t="s">
        <v>1093</v>
      </c>
      <c r="H3" s="39" t="s">
        <v>1094</v>
      </c>
      <c r="I3" s="39" t="s">
        <v>1095</v>
      </c>
      <c r="J3" s="39" t="s">
        <v>1096</v>
      </c>
      <c r="K3" s="39" t="s">
        <v>70</v>
      </c>
      <c r="L3" s="10" t="s">
        <v>62</v>
      </c>
      <c r="M3" s="92" t="s">
        <v>1097</v>
      </c>
      <c r="N3" s="159" t="s">
        <v>1098</v>
      </c>
    </row>
    <row r="4" spans="1:14" s="68" customFormat="1" ht="129.6" x14ac:dyDescent="0.2">
      <c r="A4" s="4" t="s">
        <v>6</v>
      </c>
      <c r="B4" s="66" t="s">
        <v>1099</v>
      </c>
      <c r="C4" s="7" t="s">
        <v>55</v>
      </c>
      <c r="D4" s="66" t="s">
        <v>1100</v>
      </c>
      <c r="E4" s="9">
        <v>45955</v>
      </c>
      <c r="F4" s="9">
        <v>45955</v>
      </c>
      <c r="G4" s="39" t="s">
        <v>1093</v>
      </c>
      <c r="H4" s="39" t="s">
        <v>1094</v>
      </c>
      <c r="I4" s="39" t="s">
        <v>1095</v>
      </c>
      <c r="J4" s="39" t="s">
        <v>1096</v>
      </c>
      <c r="K4" s="39" t="s">
        <v>70</v>
      </c>
      <c r="L4" s="10" t="s">
        <v>62</v>
      </c>
      <c r="M4" s="92" t="s">
        <v>1097</v>
      </c>
      <c r="N4" s="159" t="s">
        <v>1098</v>
      </c>
    </row>
  </sheetData>
  <mergeCells count="1">
    <mergeCell ref="A1:N1"/>
  </mergeCells>
  <phoneticPr fontId="2"/>
  <dataValidations count="1">
    <dataValidation type="list" allowBlank="1" showInputMessage="1" showErrorMessage="1" sqref="K3:K4">
      <formula1>"有料,無料,その他"</formula1>
    </dataValidation>
  </dataValidations>
  <hyperlinks>
    <hyperlink ref="N3" r:id="rId1"/>
    <hyperlink ref="N4" r:id="rId2"/>
  </hyperlinks>
  <pageMargins left="0.23622047244094491" right="0.23622047244094491" top="0.74803149606299213" bottom="0.74803149606299213" header="0.31496062992125984" footer="0.31496062992125984"/>
  <pageSetup paperSize="9" scale="50" fitToHeight="0" orientation="portrait" r:id="rId3"/>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5">
    <pageSetUpPr fitToPage="1"/>
  </sheetPr>
  <dimension ref="A1:N9"/>
  <sheetViews>
    <sheetView zoomScale="80" zoomScaleNormal="80" workbookViewId="0">
      <pane ySplit="2" topLeftCell="A3" activePane="bottomLeft" state="frozen"/>
      <selection activeCell="Q5" sqref="Q5"/>
      <selection pane="bottomLeft" activeCell="Q5" sqref="Q5"/>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122.4" thickTop="1" x14ac:dyDescent="0.2">
      <c r="A3" s="11" t="s">
        <v>7</v>
      </c>
      <c r="B3" s="65" t="s">
        <v>175</v>
      </c>
      <c r="C3" s="12" t="s">
        <v>176</v>
      </c>
      <c r="D3" s="65" t="s">
        <v>177</v>
      </c>
      <c r="E3" s="69">
        <v>45920</v>
      </c>
      <c r="F3" s="69">
        <v>45990</v>
      </c>
      <c r="G3" s="50" t="s">
        <v>178</v>
      </c>
      <c r="H3" s="50" t="s">
        <v>173</v>
      </c>
      <c r="I3" s="49" t="s">
        <v>179</v>
      </c>
      <c r="J3" s="50" t="s">
        <v>180</v>
      </c>
      <c r="K3" s="50" t="s">
        <v>61</v>
      </c>
      <c r="L3" s="70" t="s">
        <v>62</v>
      </c>
      <c r="M3" s="90" t="s">
        <v>181</v>
      </c>
      <c r="N3" s="173" t="s">
        <v>182</v>
      </c>
    </row>
    <row r="4" spans="1:14" s="68" customFormat="1" ht="129.6" x14ac:dyDescent="0.2">
      <c r="A4" s="11" t="s">
        <v>7</v>
      </c>
      <c r="B4" s="65" t="s">
        <v>1888</v>
      </c>
      <c r="C4" s="12" t="s">
        <v>89</v>
      </c>
      <c r="D4" s="65" t="s">
        <v>1889</v>
      </c>
      <c r="E4" s="71">
        <v>45941</v>
      </c>
      <c r="F4" s="71">
        <v>45941</v>
      </c>
      <c r="G4" s="50" t="s">
        <v>1885</v>
      </c>
      <c r="H4" s="50" t="s">
        <v>173</v>
      </c>
      <c r="I4" s="50" t="s">
        <v>1553</v>
      </c>
      <c r="J4" s="50" t="s">
        <v>1890</v>
      </c>
      <c r="K4" s="50" t="s">
        <v>61</v>
      </c>
      <c r="L4" s="70" t="s">
        <v>62</v>
      </c>
      <c r="M4" s="90" t="s">
        <v>1555</v>
      </c>
      <c r="N4" s="159" t="s">
        <v>1556</v>
      </c>
    </row>
    <row r="5" spans="1:14" s="68" customFormat="1" ht="129.6" x14ac:dyDescent="0.2">
      <c r="A5" s="11" t="s">
        <v>7</v>
      </c>
      <c r="B5" s="65" t="s">
        <v>1883</v>
      </c>
      <c r="C5" s="12" t="s">
        <v>89</v>
      </c>
      <c r="D5" s="65" t="s">
        <v>1884</v>
      </c>
      <c r="E5" s="69">
        <v>45948</v>
      </c>
      <c r="F5" s="69">
        <v>45948</v>
      </c>
      <c r="G5" s="50" t="s">
        <v>1885</v>
      </c>
      <c r="H5" s="50" t="s">
        <v>173</v>
      </c>
      <c r="I5" s="50" t="s">
        <v>1553</v>
      </c>
      <c r="J5" s="50" t="s">
        <v>1886</v>
      </c>
      <c r="K5" s="50" t="s">
        <v>61</v>
      </c>
      <c r="L5" s="70" t="s">
        <v>62</v>
      </c>
      <c r="M5" s="90" t="s">
        <v>1555</v>
      </c>
      <c r="N5" s="159" t="s">
        <v>1556</v>
      </c>
    </row>
    <row r="6" spans="1:14" s="68" customFormat="1" ht="129.6" x14ac:dyDescent="0.2">
      <c r="A6" s="11" t="s">
        <v>7</v>
      </c>
      <c r="B6" s="65" t="s">
        <v>1887</v>
      </c>
      <c r="C6" s="12" t="s">
        <v>89</v>
      </c>
      <c r="D6" s="65" t="s">
        <v>1884</v>
      </c>
      <c r="E6" s="69">
        <v>45948</v>
      </c>
      <c r="F6" s="69">
        <v>45948</v>
      </c>
      <c r="G6" s="50" t="s">
        <v>1885</v>
      </c>
      <c r="H6" s="50" t="s">
        <v>173</v>
      </c>
      <c r="I6" s="50" t="s">
        <v>1553</v>
      </c>
      <c r="J6" s="50" t="s">
        <v>1886</v>
      </c>
      <c r="K6" s="50" t="s">
        <v>61</v>
      </c>
      <c r="L6" s="70" t="s">
        <v>62</v>
      </c>
      <c r="M6" s="50" t="s">
        <v>1555</v>
      </c>
      <c r="N6" s="159" t="s">
        <v>1556</v>
      </c>
    </row>
    <row r="7" spans="1:14" s="68" customFormat="1" ht="113.4" x14ac:dyDescent="0.2">
      <c r="A7" s="14" t="s">
        <v>7</v>
      </c>
      <c r="B7" s="31" t="s">
        <v>1903</v>
      </c>
      <c r="C7" s="16" t="s">
        <v>600</v>
      </c>
      <c r="D7" s="14" t="s">
        <v>1904</v>
      </c>
      <c r="E7" s="33">
        <v>45969</v>
      </c>
      <c r="F7" s="33">
        <v>45969</v>
      </c>
      <c r="G7" s="13" t="s">
        <v>1894</v>
      </c>
      <c r="H7" s="13" t="s">
        <v>1895</v>
      </c>
      <c r="I7" s="13" t="s">
        <v>1896</v>
      </c>
      <c r="J7" s="13" t="s">
        <v>1905</v>
      </c>
      <c r="K7" s="13" t="s">
        <v>70</v>
      </c>
      <c r="L7" s="17" t="s">
        <v>62</v>
      </c>
      <c r="M7" s="13" t="s">
        <v>1897</v>
      </c>
      <c r="N7" s="159" t="s">
        <v>1902</v>
      </c>
    </row>
    <row r="8" spans="1:14" s="68" customFormat="1" ht="113.4" x14ac:dyDescent="0.2">
      <c r="A8" s="14" t="s">
        <v>7</v>
      </c>
      <c r="B8" s="91" t="s">
        <v>1891</v>
      </c>
      <c r="C8" s="16" t="s">
        <v>600</v>
      </c>
      <c r="D8" s="14" t="s">
        <v>1892</v>
      </c>
      <c r="E8" s="38" t="s">
        <v>1893</v>
      </c>
      <c r="F8" s="38" t="s">
        <v>1893</v>
      </c>
      <c r="G8" s="13" t="s">
        <v>1894</v>
      </c>
      <c r="H8" s="13" t="s">
        <v>1895</v>
      </c>
      <c r="I8" s="13" t="s">
        <v>1896</v>
      </c>
      <c r="J8" s="13" t="s">
        <v>1045</v>
      </c>
      <c r="K8" s="13" t="s">
        <v>70</v>
      </c>
      <c r="L8" s="17" t="s">
        <v>62</v>
      </c>
      <c r="M8" s="13" t="s">
        <v>1897</v>
      </c>
      <c r="N8" s="159" t="s">
        <v>1898</v>
      </c>
    </row>
    <row r="9" spans="1:14" s="68" customFormat="1" ht="113.4" x14ac:dyDescent="0.2">
      <c r="A9" s="14" t="s">
        <v>7</v>
      </c>
      <c r="B9" s="31" t="s">
        <v>1899</v>
      </c>
      <c r="C9" s="16" t="s">
        <v>600</v>
      </c>
      <c r="D9" s="14" t="s">
        <v>1900</v>
      </c>
      <c r="E9" s="38" t="s">
        <v>1901</v>
      </c>
      <c r="F9" s="38" t="s">
        <v>1901</v>
      </c>
      <c r="G9" s="13" t="s">
        <v>1894</v>
      </c>
      <c r="H9" s="13" t="s">
        <v>1895</v>
      </c>
      <c r="I9" s="13" t="s">
        <v>1896</v>
      </c>
      <c r="J9" s="13" t="s">
        <v>1045</v>
      </c>
      <c r="K9" s="13" t="s">
        <v>70</v>
      </c>
      <c r="L9" s="17" t="s">
        <v>85</v>
      </c>
      <c r="M9" s="13" t="s">
        <v>1897</v>
      </c>
      <c r="N9" s="159" t="s">
        <v>1902</v>
      </c>
    </row>
  </sheetData>
  <mergeCells count="1">
    <mergeCell ref="A1:N1"/>
  </mergeCells>
  <phoneticPr fontId="2"/>
  <dataValidations count="1">
    <dataValidation type="list" allowBlank="1" showInputMessage="1" showErrorMessage="1" sqref="K3:K9">
      <formula1>"有料,無料,その他"</formula1>
    </dataValidation>
  </dataValidations>
  <hyperlinks>
    <hyperlink ref="N3" r:id="rId1"/>
    <hyperlink ref="N4" r:id="rId2"/>
    <hyperlink ref="N5" r:id="rId3"/>
    <hyperlink ref="N6" r:id="rId4"/>
    <hyperlink ref="N7" r:id="rId5"/>
    <hyperlink ref="N8" r:id="rId6"/>
    <hyperlink ref="N9" r:id="rId7"/>
  </hyperlinks>
  <pageMargins left="0.23622047244094491" right="0.23622047244094491" top="0.74803149606299213" bottom="0.74803149606299213" header="0.31496062992125984" footer="0.31496062992125984"/>
  <pageSetup paperSize="9" scale="50" fitToHeight="0" orientation="portrait" r:id="rId8"/>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6">
    <pageSetUpPr fitToPage="1"/>
  </sheetPr>
  <dimension ref="A1:N9"/>
  <sheetViews>
    <sheetView zoomScale="80" zoomScaleNormal="80" workbookViewId="0">
      <pane ySplit="2" topLeftCell="A3" activePane="bottomLeft" state="frozen"/>
      <selection activeCell="Q5" sqref="Q5"/>
      <selection pane="bottomLeft" activeCell="Q5" sqref="Q5"/>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259.8" thickTop="1" x14ac:dyDescent="0.2">
      <c r="A3" s="11" t="s">
        <v>8</v>
      </c>
      <c r="B3" s="11" t="s">
        <v>1108</v>
      </c>
      <c r="C3" s="12" t="s">
        <v>55</v>
      </c>
      <c r="D3" s="11" t="s">
        <v>1109</v>
      </c>
      <c r="E3" s="69">
        <v>45913</v>
      </c>
      <c r="F3" s="69">
        <v>45923</v>
      </c>
      <c r="G3" s="50" t="s">
        <v>1110</v>
      </c>
      <c r="H3" s="50" t="s">
        <v>1111</v>
      </c>
      <c r="I3" s="49" t="s">
        <v>1101</v>
      </c>
      <c r="J3" s="50" t="s">
        <v>1045</v>
      </c>
      <c r="K3" s="50" t="s">
        <v>981</v>
      </c>
      <c r="L3" s="70" t="s">
        <v>85</v>
      </c>
      <c r="M3" s="50" t="s">
        <v>1112</v>
      </c>
      <c r="N3" s="159" t="s">
        <v>1113</v>
      </c>
    </row>
    <row r="4" spans="1:14" s="68" customFormat="1" ht="79.2" x14ac:dyDescent="0.2">
      <c r="A4" s="11" t="s">
        <v>8</v>
      </c>
      <c r="B4" s="11" t="s">
        <v>1793</v>
      </c>
      <c r="C4" s="12" t="s">
        <v>600</v>
      </c>
      <c r="D4" s="11" t="s">
        <v>1794</v>
      </c>
      <c r="E4" s="69">
        <v>45923</v>
      </c>
      <c r="F4" s="69">
        <v>45923</v>
      </c>
      <c r="G4" s="50" t="s">
        <v>1906</v>
      </c>
      <c r="H4" s="50" t="s">
        <v>1907</v>
      </c>
      <c r="I4" s="50" t="s">
        <v>1797</v>
      </c>
      <c r="J4" s="50" t="s">
        <v>1798</v>
      </c>
      <c r="K4" s="50" t="s">
        <v>61</v>
      </c>
      <c r="L4" s="70" t="s">
        <v>85</v>
      </c>
      <c r="M4" s="50" t="s">
        <v>1799</v>
      </c>
      <c r="N4" s="160"/>
    </row>
    <row r="5" spans="1:14" s="68" customFormat="1" ht="129.6" x14ac:dyDescent="0.2">
      <c r="A5" s="11" t="s">
        <v>8</v>
      </c>
      <c r="B5" s="65" t="s">
        <v>1908</v>
      </c>
      <c r="C5" s="12" t="s">
        <v>89</v>
      </c>
      <c r="D5" s="65" t="s">
        <v>1909</v>
      </c>
      <c r="E5" s="69">
        <v>45934</v>
      </c>
      <c r="F5" s="69">
        <v>45934</v>
      </c>
      <c r="G5" s="50" t="s">
        <v>1910</v>
      </c>
      <c r="H5" s="50" t="s">
        <v>1911</v>
      </c>
      <c r="I5" s="50" t="s">
        <v>1553</v>
      </c>
      <c r="J5" s="50" t="s">
        <v>1886</v>
      </c>
      <c r="K5" s="50" t="s">
        <v>70</v>
      </c>
      <c r="L5" s="70" t="s">
        <v>62</v>
      </c>
      <c r="M5" s="50" t="s">
        <v>1555</v>
      </c>
      <c r="N5" s="159" t="s">
        <v>1556</v>
      </c>
    </row>
    <row r="6" spans="1:14" s="68" customFormat="1" ht="259.2" x14ac:dyDescent="0.2">
      <c r="A6" s="11" t="s">
        <v>1114</v>
      </c>
      <c r="B6" s="65" t="s">
        <v>1115</v>
      </c>
      <c r="C6" s="12" t="s">
        <v>55</v>
      </c>
      <c r="D6" s="65" t="s">
        <v>1116</v>
      </c>
      <c r="E6" s="69">
        <v>45934</v>
      </c>
      <c r="F6" s="69">
        <v>45977</v>
      </c>
      <c r="G6" s="50" t="s">
        <v>1117</v>
      </c>
      <c r="H6" s="50" t="s">
        <v>1118</v>
      </c>
      <c r="I6" s="50" t="s">
        <v>1101</v>
      </c>
      <c r="J6" s="50" t="s">
        <v>1045</v>
      </c>
      <c r="K6" s="50" t="s">
        <v>981</v>
      </c>
      <c r="L6" s="70" t="s">
        <v>116</v>
      </c>
      <c r="M6" s="50" t="s">
        <v>1112</v>
      </c>
      <c r="N6" s="159" t="s">
        <v>1113</v>
      </c>
    </row>
    <row r="7" spans="1:14" s="68" customFormat="1" ht="129.6" x14ac:dyDescent="0.2">
      <c r="A7" s="11" t="s">
        <v>8</v>
      </c>
      <c r="B7" s="65" t="s">
        <v>1912</v>
      </c>
      <c r="C7" s="12" t="s">
        <v>89</v>
      </c>
      <c r="D7" s="65" t="s">
        <v>1909</v>
      </c>
      <c r="E7" s="69">
        <v>45935</v>
      </c>
      <c r="F7" s="69">
        <v>45935</v>
      </c>
      <c r="G7" s="50" t="s">
        <v>1910</v>
      </c>
      <c r="H7" s="50" t="s">
        <v>1911</v>
      </c>
      <c r="I7" s="50" t="s">
        <v>1553</v>
      </c>
      <c r="J7" s="50" t="s">
        <v>1886</v>
      </c>
      <c r="K7" s="50" t="s">
        <v>70</v>
      </c>
      <c r="L7" s="70" t="s">
        <v>62</v>
      </c>
      <c r="M7" s="50" t="s">
        <v>1555</v>
      </c>
      <c r="N7" s="159" t="s">
        <v>1556</v>
      </c>
    </row>
    <row r="8" spans="1:14" s="68" customFormat="1" ht="226.8" x14ac:dyDescent="0.2">
      <c r="A8" s="11" t="s">
        <v>1101</v>
      </c>
      <c r="B8" s="65" t="s">
        <v>1102</v>
      </c>
      <c r="C8" s="12" t="s">
        <v>99</v>
      </c>
      <c r="D8" s="65" t="s">
        <v>1103</v>
      </c>
      <c r="E8" s="36">
        <v>45945</v>
      </c>
      <c r="F8" s="69">
        <v>45964</v>
      </c>
      <c r="G8" s="50" t="s">
        <v>1104</v>
      </c>
      <c r="H8" s="50" t="s">
        <v>1105</v>
      </c>
      <c r="I8" s="49" t="s">
        <v>1106</v>
      </c>
      <c r="J8" s="50" t="s">
        <v>115</v>
      </c>
      <c r="K8" s="50" t="s">
        <v>61</v>
      </c>
      <c r="L8" s="70" t="s">
        <v>85</v>
      </c>
      <c r="M8" s="50" t="s">
        <v>1106</v>
      </c>
      <c r="N8" s="159" t="s">
        <v>1107</v>
      </c>
    </row>
    <row r="9" spans="1:14" s="68" customFormat="1" ht="259.2" x14ac:dyDescent="0.2">
      <c r="A9" s="11" t="s">
        <v>1114</v>
      </c>
      <c r="B9" s="65" t="s">
        <v>1119</v>
      </c>
      <c r="C9" s="12" t="s">
        <v>55</v>
      </c>
      <c r="D9" s="65" t="s">
        <v>1120</v>
      </c>
      <c r="E9" s="69">
        <v>45962</v>
      </c>
      <c r="F9" s="69">
        <v>45962</v>
      </c>
      <c r="G9" s="50" t="s">
        <v>1121</v>
      </c>
      <c r="H9" s="50" t="s">
        <v>1111</v>
      </c>
      <c r="I9" s="50" t="s">
        <v>1101</v>
      </c>
      <c r="J9" s="50" t="s">
        <v>1045</v>
      </c>
      <c r="K9" s="50" t="s">
        <v>981</v>
      </c>
      <c r="L9" s="70" t="s">
        <v>62</v>
      </c>
      <c r="M9" s="50" t="s">
        <v>1112</v>
      </c>
      <c r="N9" s="159" t="s">
        <v>1113</v>
      </c>
    </row>
  </sheetData>
  <mergeCells count="1">
    <mergeCell ref="A1:N1"/>
  </mergeCells>
  <phoneticPr fontId="2"/>
  <dataValidations count="1">
    <dataValidation type="list" allowBlank="1" showInputMessage="1" showErrorMessage="1" sqref="K3:K9">
      <formula1>"有料,無料,その他"</formula1>
    </dataValidation>
  </dataValidations>
  <hyperlinks>
    <hyperlink ref="N3" r:id="rId1"/>
    <hyperlink ref="N5" r:id="rId2"/>
    <hyperlink ref="N6" r:id="rId3"/>
    <hyperlink ref="N7" r:id="rId4"/>
    <hyperlink ref="N8" r:id="rId5" display="https://www.city.yamato.lg.jp/gyosei/soshik/2017/bunka_geijutsu/bunka_geizyutu_zigyou/4088.html"/>
    <hyperlink ref="N9" r:id="rId6"/>
  </hyperlinks>
  <pageMargins left="0.23622047244094491" right="0.23622047244094491" top="0.74803149606299213" bottom="0.74803149606299213" header="0.31496062992125984" footer="0.31496062992125984"/>
  <pageSetup paperSize="9" scale="50" fitToHeight="0" orientation="portrait" r:id="rId7"/>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7">
    <pageSetUpPr fitToPage="1"/>
  </sheetPr>
  <dimension ref="A1:N3"/>
  <sheetViews>
    <sheetView zoomScale="80" zoomScaleNormal="80" workbookViewId="0">
      <pane ySplit="2" topLeftCell="A3" activePane="bottomLeft" state="frozen"/>
      <selection activeCell="Q5" sqref="Q5"/>
      <selection pane="bottomLeft" activeCell="Q5" sqref="Q5"/>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66.599999999999994" thickTop="1" x14ac:dyDescent="0.2">
      <c r="A3" s="14" t="s">
        <v>9</v>
      </c>
      <c r="B3" s="47" t="s">
        <v>1913</v>
      </c>
      <c r="C3" s="16" t="s">
        <v>55</v>
      </c>
      <c r="D3" s="47" t="s">
        <v>1914</v>
      </c>
      <c r="E3" s="33">
        <v>45956</v>
      </c>
      <c r="F3" s="33">
        <v>45956</v>
      </c>
      <c r="G3" s="13" t="s">
        <v>1915</v>
      </c>
      <c r="H3" s="13" t="s">
        <v>1916</v>
      </c>
      <c r="I3" s="13" t="s">
        <v>1917</v>
      </c>
      <c r="J3" s="13" t="s">
        <v>1045</v>
      </c>
      <c r="K3" s="13" t="s">
        <v>61</v>
      </c>
      <c r="L3" s="17" t="s">
        <v>62</v>
      </c>
      <c r="M3" s="13" t="s">
        <v>1918</v>
      </c>
      <c r="N3" s="19"/>
    </row>
  </sheetData>
  <mergeCells count="1">
    <mergeCell ref="A1:N1"/>
  </mergeCells>
  <phoneticPr fontId="2"/>
  <dataValidations count="1">
    <dataValidation type="list" allowBlank="1" showInputMessage="1" showErrorMessage="1" sqref="K3">
      <formula1>"有料,無料,その他"</formula1>
    </dataValidation>
  </dataValidations>
  <pageMargins left="0.23622047244094491" right="0.23622047244094491" top="0.74803149606299213" bottom="0.74803149606299213" header="0.31496062992125984" footer="0.31496062992125984"/>
  <pageSetup paperSize="9" scale="50" fitToHeight="0" orientation="portrait"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8">
    <pageSetUpPr fitToPage="1"/>
  </sheetPr>
  <dimension ref="A1:N6"/>
  <sheetViews>
    <sheetView zoomScale="80" zoomScaleNormal="80" workbookViewId="0">
      <pane ySplit="2" topLeftCell="A3" activePane="bottomLeft" state="frozen"/>
      <selection activeCell="Q5" sqref="Q5"/>
      <selection pane="bottomLeft" activeCell="N6" sqref="N6"/>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97.8" thickTop="1" x14ac:dyDescent="0.2">
      <c r="A3" s="14" t="s">
        <v>10</v>
      </c>
      <c r="B3" s="47" t="s">
        <v>1925</v>
      </c>
      <c r="C3" s="16" t="s">
        <v>600</v>
      </c>
      <c r="D3" s="47" t="s">
        <v>1926</v>
      </c>
      <c r="E3" s="33">
        <v>45945</v>
      </c>
      <c r="F3" s="33">
        <v>45945</v>
      </c>
      <c r="G3" s="13" t="s">
        <v>1921</v>
      </c>
      <c r="H3" s="13" t="s">
        <v>1922</v>
      </c>
      <c r="I3" s="13" t="s">
        <v>1672</v>
      </c>
      <c r="J3" s="13" t="s">
        <v>1222</v>
      </c>
      <c r="K3" s="13" t="s">
        <v>61</v>
      </c>
      <c r="L3" s="17" t="s">
        <v>85</v>
      </c>
      <c r="M3" s="13" t="s">
        <v>1923</v>
      </c>
      <c r="N3" s="159" t="s">
        <v>1924</v>
      </c>
    </row>
    <row r="4" spans="1:14" s="68" customFormat="1" ht="143.4" customHeight="1" x14ac:dyDescent="0.2">
      <c r="A4" s="14" t="s">
        <v>10</v>
      </c>
      <c r="B4" s="47" t="s">
        <v>1931</v>
      </c>
      <c r="C4" s="16" t="s">
        <v>99</v>
      </c>
      <c r="D4" s="47" t="s">
        <v>1932</v>
      </c>
      <c r="E4" s="33">
        <v>45948</v>
      </c>
      <c r="F4" s="33">
        <v>45948</v>
      </c>
      <c r="G4" s="13" t="s">
        <v>1921</v>
      </c>
      <c r="H4" s="13" t="s">
        <v>1922</v>
      </c>
      <c r="I4" s="13" t="s">
        <v>1672</v>
      </c>
      <c r="J4" s="13" t="s">
        <v>1045</v>
      </c>
      <c r="K4" s="13" t="s">
        <v>981</v>
      </c>
      <c r="L4" s="17" t="s">
        <v>85</v>
      </c>
      <c r="M4" s="13" t="s">
        <v>1923</v>
      </c>
      <c r="N4" s="159" t="s">
        <v>1930</v>
      </c>
    </row>
    <row r="5" spans="1:14" s="68" customFormat="1" ht="97.2" x14ac:dyDescent="0.2">
      <c r="A5" s="14" t="s">
        <v>10</v>
      </c>
      <c r="B5" s="47" t="s">
        <v>1927</v>
      </c>
      <c r="C5" s="16" t="s">
        <v>600</v>
      </c>
      <c r="D5" s="47" t="s">
        <v>1928</v>
      </c>
      <c r="E5" s="33">
        <v>45955</v>
      </c>
      <c r="F5" s="33">
        <v>45955</v>
      </c>
      <c r="G5" s="13" t="s">
        <v>1921</v>
      </c>
      <c r="H5" s="13" t="s">
        <v>1922</v>
      </c>
      <c r="I5" s="13" t="s">
        <v>1672</v>
      </c>
      <c r="J5" s="13" t="s">
        <v>1929</v>
      </c>
      <c r="K5" s="13" t="s">
        <v>70</v>
      </c>
      <c r="L5" s="17" t="s">
        <v>62</v>
      </c>
      <c r="M5" s="13" t="s">
        <v>1923</v>
      </c>
      <c r="N5" s="159" t="s">
        <v>1930</v>
      </c>
    </row>
    <row r="6" spans="1:14" s="68" customFormat="1" ht="97.2" x14ac:dyDescent="0.2">
      <c r="A6" s="14" t="s">
        <v>10</v>
      </c>
      <c r="B6" s="47" t="s">
        <v>1919</v>
      </c>
      <c r="C6" s="16" t="s">
        <v>55</v>
      </c>
      <c r="D6" s="47" t="s">
        <v>1920</v>
      </c>
      <c r="E6" s="33">
        <v>45969</v>
      </c>
      <c r="F6" s="33">
        <v>45969</v>
      </c>
      <c r="G6" s="13" t="s">
        <v>1921</v>
      </c>
      <c r="H6" s="13" t="s">
        <v>1922</v>
      </c>
      <c r="I6" s="13" t="s">
        <v>1672</v>
      </c>
      <c r="J6" s="13" t="s">
        <v>1222</v>
      </c>
      <c r="K6" s="13" t="s">
        <v>585</v>
      </c>
      <c r="L6" s="17" t="s">
        <v>62</v>
      </c>
      <c r="M6" s="13" t="s">
        <v>1923</v>
      </c>
      <c r="N6" s="159" t="s">
        <v>1924</v>
      </c>
    </row>
  </sheetData>
  <mergeCells count="1">
    <mergeCell ref="A1:N1"/>
  </mergeCells>
  <phoneticPr fontId="2"/>
  <dataValidations count="1">
    <dataValidation type="list" allowBlank="1" showInputMessage="1" showErrorMessage="1" sqref="K3:K6">
      <formula1>"有料,無料,その他"</formula1>
    </dataValidation>
  </dataValidations>
  <hyperlinks>
    <hyperlink ref="N3" r:id="rId1"/>
    <hyperlink ref="N4" r:id="rId2"/>
    <hyperlink ref="N5" r:id="rId3"/>
    <hyperlink ref="N6" r:id="rId4"/>
  </hyperlinks>
  <pageMargins left="0.23622047244094491" right="0.23622047244094491" top="0.74803149606299213" bottom="0.74803149606299213" header="0.31496062992125984" footer="0.31496062992125984"/>
  <pageSetup paperSize="9" scale="50" fitToHeight="0" orientation="portrait" r:id="rId5"/>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9">
    <pageSetUpPr fitToPage="1"/>
  </sheetPr>
  <dimension ref="A1:N40"/>
  <sheetViews>
    <sheetView zoomScale="80" zoomScaleNormal="80" workbookViewId="0">
      <pane ySplit="2" topLeftCell="A3" activePane="bottomLeft" state="frozen"/>
      <selection activeCell="Q5" sqref="Q5"/>
      <selection pane="bottomLeft" activeCell="F29" sqref="F29"/>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91.95" customHeight="1" thickTop="1" x14ac:dyDescent="0.2">
      <c r="A3" s="11" t="s">
        <v>11</v>
      </c>
      <c r="B3" s="65" t="s">
        <v>1190</v>
      </c>
      <c r="C3" s="74" t="s">
        <v>55</v>
      </c>
      <c r="D3" s="65" t="s">
        <v>1191</v>
      </c>
      <c r="E3" s="80">
        <v>45913</v>
      </c>
      <c r="F3" s="80">
        <v>46060</v>
      </c>
      <c r="G3" s="50" t="s">
        <v>1192</v>
      </c>
      <c r="H3" s="50" t="s">
        <v>1193</v>
      </c>
      <c r="I3" s="50" t="s">
        <v>1160</v>
      </c>
      <c r="J3" s="50" t="s">
        <v>1194</v>
      </c>
      <c r="K3" s="50" t="s">
        <v>70</v>
      </c>
      <c r="L3" s="50" t="s">
        <v>62</v>
      </c>
      <c r="M3" s="50" t="s">
        <v>1195</v>
      </c>
      <c r="N3" s="172"/>
    </row>
    <row r="4" spans="1:14" s="68" customFormat="1" ht="91.95" customHeight="1" x14ac:dyDescent="0.2">
      <c r="A4" s="11" t="s">
        <v>11</v>
      </c>
      <c r="B4" s="65" t="s">
        <v>1211</v>
      </c>
      <c r="C4" s="74" t="s">
        <v>55</v>
      </c>
      <c r="D4" s="65" t="s">
        <v>1212</v>
      </c>
      <c r="E4" s="80">
        <v>45917</v>
      </c>
      <c r="F4" s="80">
        <v>45917</v>
      </c>
      <c r="G4" s="50" t="s">
        <v>1213</v>
      </c>
      <c r="H4" s="50" t="s">
        <v>1214</v>
      </c>
      <c r="I4" s="50" t="s">
        <v>1215</v>
      </c>
      <c r="J4" s="50" t="s">
        <v>60</v>
      </c>
      <c r="K4" s="50" t="s">
        <v>61</v>
      </c>
      <c r="L4" s="50" t="s">
        <v>62</v>
      </c>
      <c r="M4" s="50" t="s">
        <v>1216</v>
      </c>
      <c r="N4" s="172"/>
    </row>
    <row r="5" spans="1:14" s="68" customFormat="1" ht="91.95" customHeight="1" x14ac:dyDescent="0.2">
      <c r="A5" s="11" t="s">
        <v>11</v>
      </c>
      <c r="B5" s="65" t="s">
        <v>1122</v>
      </c>
      <c r="C5" s="12" t="s">
        <v>40</v>
      </c>
      <c r="D5" s="65" t="s">
        <v>1123</v>
      </c>
      <c r="E5" s="80">
        <v>45920</v>
      </c>
      <c r="F5" s="80">
        <v>45920</v>
      </c>
      <c r="G5" s="50" t="s">
        <v>1124</v>
      </c>
      <c r="H5" s="50" t="s">
        <v>1125</v>
      </c>
      <c r="I5" s="49" t="s">
        <v>1126</v>
      </c>
      <c r="J5" s="50" t="s">
        <v>1127</v>
      </c>
      <c r="K5" s="50" t="s">
        <v>61</v>
      </c>
      <c r="L5" s="70" t="s">
        <v>62</v>
      </c>
      <c r="M5" s="50" t="s">
        <v>1128</v>
      </c>
      <c r="N5" s="160"/>
    </row>
    <row r="6" spans="1:14" s="68" customFormat="1" ht="91.95" customHeight="1" x14ac:dyDescent="0.2">
      <c r="A6" s="11" t="s">
        <v>11</v>
      </c>
      <c r="B6" s="65" t="s">
        <v>1146</v>
      </c>
      <c r="C6" s="12" t="s">
        <v>55</v>
      </c>
      <c r="D6" s="65" t="s">
        <v>1147</v>
      </c>
      <c r="E6" s="80">
        <v>45927</v>
      </c>
      <c r="F6" s="80">
        <v>45927</v>
      </c>
      <c r="G6" s="50" t="s">
        <v>1148</v>
      </c>
      <c r="H6" s="50" t="s">
        <v>1149</v>
      </c>
      <c r="I6" s="50" t="s">
        <v>1150</v>
      </c>
      <c r="J6" s="50" t="s">
        <v>1151</v>
      </c>
      <c r="K6" s="50" t="s">
        <v>61</v>
      </c>
      <c r="L6" s="70" t="s">
        <v>62</v>
      </c>
      <c r="M6" s="50" t="s">
        <v>1152</v>
      </c>
      <c r="N6" s="160"/>
    </row>
    <row r="7" spans="1:14" s="68" customFormat="1" ht="91.95" customHeight="1" x14ac:dyDescent="0.2">
      <c r="A7" s="11" t="s">
        <v>11</v>
      </c>
      <c r="B7" s="65" t="s">
        <v>1158</v>
      </c>
      <c r="C7" s="12" t="s">
        <v>99</v>
      </c>
      <c r="D7" s="65" t="s">
        <v>1159</v>
      </c>
      <c r="E7" s="80">
        <v>45927</v>
      </c>
      <c r="F7" s="80">
        <v>45927</v>
      </c>
      <c r="G7" s="50" t="s">
        <v>1124</v>
      </c>
      <c r="H7" s="50" t="s">
        <v>1125</v>
      </c>
      <c r="I7" s="50" t="s">
        <v>1160</v>
      </c>
      <c r="J7" s="50" t="s">
        <v>1161</v>
      </c>
      <c r="K7" s="50" t="s">
        <v>61</v>
      </c>
      <c r="L7" s="70" t="s">
        <v>62</v>
      </c>
      <c r="M7" s="50" t="s">
        <v>1162</v>
      </c>
      <c r="N7" s="160"/>
    </row>
    <row r="8" spans="1:14" s="68" customFormat="1" ht="91.95" customHeight="1" x14ac:dyDescent="0.2">
      <c r="A8" s="11" t="s">
        <v>11</v>
      </c>
      <c r="B8" s="65" t="s">
        <v>1196</v>
      </c>
      <c r="C8" s="74" t="s">
        <v>55</v>
      </c>
      <c r="D8" s="65" t="s">
        <v>1197</v>
      </c>
      <c r="E8" s="80">
        <v>45932</v>
      </c>
      <c r="F8" s="80">
        <v>46002</v>
      </c>
      <c r="G8" s="50" t="s">
        <v>1165</v>
      </c>
      <c r="H8" s="50" t="s">
        <v>1166</v>
      </c>
      <c r="I8" s="50" t="s">
        <v>1198</v>
      </c>
      <c r="J8" s="50" t="s">
        <v>1199</v>
      </c>
      <c r="K8" s="50" t="s">
        <v>61</v>
      </c>
      <c r="L8" s="50" t="s">
        <v>62</v>
      </c>
      <c r="M8" s="50" t="s">
        <v>1200</v>
      </c>
      <c r="N8" s="172"/>
    </row>
    <row r="9" spans="1:14" s="68" customFormat="1" ht="52.8" x14ac:dyDescent="0.2">
      <c r="A9" s="11" t="s">
        <v>11</v>
      </c>
      <c r="B9" s="65" t="s">
        <v>1163</v>
      </c>
      <c r="C9" s="12" t="s">
        <v>99</v>
      </c>
      <c r="D9" s="65" t="s">
        <v>1164</v>
      </c>
      <c r="E9" s="80">
        <v>45933</v>
      </c>
      <c r="F9" s="80">
        <v>45933</v>
      </c>
      <c r="G9" s="50" t="s">
        <v>1165</v>
      </c>
      <c r="H9" s="50" t="s">
        <v>1166</v>
      </c>
      <c r="I9" s="50" t="s">
        <v>1160</v>
      </c>
      <c r="J9" s="50" t="s">
        <v>60</v>
      </c>
      <c r="K9" s="50" t="s">
        <v>61</v>
      </c>
      <c r="L9" s="70" t="s">
        <v>85</v>
      </c>
      <c r="M9" s="50" t="s">
        <v>1162</v>
      </c>
      <c r="N9" s="160"/>
    </row>
    <row r="10" spans="1:14" s="68" customFormat="1" ht="194.4" x14ac:dyDescent="0.2">
      <c r="A10" s="11" t="s">
        <v>11</v>
      </c>
      <c r="B10" s="65" t="s">
        <v>1207</v>
      </c>
      <c r="C10" s="74" t="s">
        <v>55</v>
      </c>
      <c r="D10" s="65" t="s">
        <v>1208</v>
      </c>
      <c r="E10" s="80">
        <v>45935</v>
      </c>
      <c r="F10" s="80">
        <v>45935</v>
      </c>
      <c r="G10" s="50" t="s">
        <v>1165</v>
      </c>
      <c r="H10" s="50" t="s">
        <v>1166</v>
      </c>
      <c r="I10" s="50" t="s">
        <v>1198</v>
      </c>
      <c r="J10" s="50" t="s">
        <v>1209</v>
      </c>
      <c r="K10" s="50" t="s">
        <v>61</v>
      </c>
      <c r="L10" s="50" t="s">
        <v>62</v>
      </c>
      <c r="M10" s="50" t="s">
        <v>1200</v>
      </c>
      <c r="N10" s="167" t="s">
        <v>1210</v>
      </c>
    </row>
    <row r="11" spans="1:14" s="68" customFormat="1" ht="52.8" x14ac:dyDescent="0.2">
      <c r="A11" s="11" t="s">
        <v>11</v>
      </c>
      <c r="B11" s="65" t="s">
        <v>1167</v>
      </c>
      <c r="C11" s="12" t="s">
        <v>99</v>
      </c>
      <c r="D11" s="65" t="s">
        <v>1168</v>
      </c>
      <c r="E11" s="80">
        <v>45939</v>
      </c>
      <c r="F11" s="80">
        <v>45939</v>
      </c>
      <c r="G11" s="50" t="s">
        <v>1124</v>
      </c>
      <c r="H11" s="50" t="s">
        <v>1125</v>
      </c>
      <c r="I11" s="50" t="s">
        <v>1160</v>
      </c>
      <c r="J11" s="50" t="s">
        <v>60</v>
      </c>
      <c r="K11" s="50" t="s">
        <v>61</v>
      </c>
      <c r="L11" s="70" t="s">
        <v>85</v>
      </c>
      <c r="M11" s="50" t="s">
        <v>1162</v>
      </c>
      <c r="N11" s="160"/>
    </row>
    <row r="12" spans="1:14" s="68" customFormat="1" ht="162" x14ac:dyDescent="0.2">
      <c r="A12" s="11" t="s">
        <v>11</v>
      </c>
      <c r="B12" s="65" t="s">
        <v>1217</v>
      </c>
      <c r="C12" s="74" t="s">
        <v>99</v>
      </c>
      <c r="D12" s="65" t="s">
        <v>1218</v>
      </c>
      <c r="E12" s="80">
        <v>45940</v>
      </c>
      <c r="F12" s="80">
        <v>45942</v>
      </c>
      <c r="G12" s="50" t="s">
        <v>1219</v>
      </c>
      <c r="H12" s="50" t="s">
        <v>1220</v>
      </c>
      <c r="I12" s="50" t="s">
        <v>1221</v>
      </c>
      <c r="J12" s="50" t="s">
        <v>1222</v>
      </c>
      <c r="K12" s="50" t="s">
        <v>61</v>
      </c>
      <c r="L12" s="50" t="s">
        <v>85</v>
      </c>
      <c r="M12" s="50" t="s">
        <v>1223</v>
      </c>
      <c r="N12" s="167" t="s">
        <v>1224</v>
      </c>
    </row>
    <row r="13" spans="1:14" s="68" customFormat="1" ht="52.8" x14ac:dyDescent="0.2">
      <c r="A13" s="11" t="s">
        <v>11</v>
      </c>
      <c r="B13" s="65" t="s">
        <v>1169</v>
      </c>
      <c r="C13" s="12" t="s">
        <v>99</v>
      </c>
      <c r="D13" s="65" t="s">
        <v>1170</v>
      </c>
      <c r="E13" s="80">
        <v>45942</v>
      </c>
      <c r="F13" s="80">
        <v>45943</v>
      </c>
      <c r="G13" s="50" t="s">
        <v>1124</v>
      </c>
      <c r="H13" s="50" t="s">
        <v>1125</v>
      </c>
      <c r="I13" s="50" t="s">
        <v>1160</v>
      </c>
      <c r="J13" s="50" t="s">
        <v>60</v>
      </c>
      <c r="K13" s="50" t="s">
        <v>61</v>
      </c>
      <c r="L13" s="70" t="s">
        <v>85</v>
      </c>
      <c r="M13" s="50" t="s">
        <v>1162</v>
      </c>
      <c r="N13" s="160"/>
    </row>
    <row r="14" spans="1:14" s="68" customFormat="1" ht="52.8" x14ac:dyDescent="0.2">
      <c r="A14" s="11" t="s">
        <v>11</v>
      </c>
      <c r="B14" s="65" t="s">
        <v>1171</v>
      </c>
      <c r="C14" s="12" t="s">
        <v>99</v>
      </c>
      <c r="D14" s="65" t="s">
        <v>1172</v>
      </c>
      <c r="E14" s="80">
        <v>45945</v>
      </c>
      <c r="F14" s="80">
        <v>45947</v>
      </c>
      <c r="G14" s="50" t="s">
        <v>1173</v>
      </c>
      <c r="H14" s="50" t="s">
        <v>1125</v>
      </c>
      <c r="I14" s="50" t="s">
        <v>1160</v>
      </c>
      <c r="J14" s="50" t="s">
        <v>60</v>
      </c>
      <c r="K14" s="50" t="s">
        <v>61</v>
      </c>
      <c r="L14" s="70" t="s">
        <v>85</v>
      </c>
      <c r="M14" s="50" t="s">
        <v>1162</v>
      </c>
      <c r="N14" s="160"/>
    </row>
    <row r="15" spans="1:14" s="68" customFormat="1" ht="66" x14ac:dyDescent="0.2">
      <c r="A15" s="11" t="s">
        <v>11</v>
      </c>
      <c r="B15" s="65" t="s">
        <v>1203</v>
      </c>
      <c r="C15" s="74" t="s">
        <v>55</v>
      </c>
      <c r="D15" s="65" t="s">
        <v>1204</v>
      </c>
      <c r="E15" s="80">
        <v>45948</v>
      </c>
      <c r="F15" s="80" t="s">
        <v>1205</v>
      </c>
      <c r="G15" s="50" t="s">
        <v>1165</v>
      </c>
      <c r="H15" s="50" t="s">
        <v>1166</v>
      </c>
      <c r="I15" s="50" t="s">
        <v>1198</v>
      </c>
      <c r="J15" s="50" t="s">
        <v>1206</v>
      </c>
      <c r="K15" s="50" t="s">
        <v>61</v>
      </c>
      <c r="L15" s="50" t="s">
        <v>62</v>
      </c>
      <c r="M15" s="50" t="s">
        <v>1200</v>
      </c>
      <c r="N15" s="172"/>
    </row>
    <row r="16" spans="1:14" s="68" customFormat="1" ht="52.8" x14ac:dyDescent="0.2">
      <c r="A16" s="11" t="s">
        <v>11</v>
      </c>
      <c r="B16" s="65" t="s">
        <v>1174</v>
      </c>
      <c r="C16" s="12" t="s">
        <v>99</v>
      </c>
      <c r="D16" s="65" t="s">
        <v>1175</v>
      </c>
      <c r="E16" s="80">
        <v>45951</v>
      </c>
      <c r="F16" s="80">
        <v>45953</v>
      </c>
      <c r="G16" s="50" t="s">
        <v>1173</v>
      </c>
      <c r="H16" s="50" t="s">
        <v>1125</v>
      </c>
      <c r="I16" s="50" t="s">
        <v>1160</v>
      </c>
      <c r="J16" s="50" t="s">
        <v>60</v>
      </c>
      <c r="K16" s="50" t="s">
        <v>61</v>
      </c>
      <c r="L16" s="70" t="s">
        <v>85</v>
      </c>
      <c r="M16" s="50" t="s">
        <v>1162</v>
      </c>
      <c r="N16" s="160"/>
    </row>
    <row r="17" spans="1:14" s="68" customFormat="1" ht="66" x14ac:dyDescent="0.2">
      <c r="A17" s="11" t="s">
        <v>11</v>
      </c>
      <c r="B17" s="65" t="s">
        <v>1211</v>
      </c>
      <c r="C17" s="74" t="s">
        <v>55</v>
      </c>
      <c r="D17" s="65" t="s">
        <v>1212</v>
      </c>
      <c r="E17" s="80">
        <v>45952</v>
      </c>
      <c r="F17" s="80">
        <v>45952</v>
      </c>
      <c r="G17" s="50" t="s">
        <v>1213</v>
      </c>
      <c r="H17" s="50" t="s">
        <v>1214</v>
      </c>
      <c r="I17" s="50" t="s">
        <v>1215</v>
      </c>
      <c r="J17" s="50" t="s">
        <v>60</v>
      </c>
      <c r="K17" s="50" t="s">
        <v>61</v>
      </c>
      <c r="L17" s="50" t="s">
        <v>62</v>
      </c>
      <c r="M17" s="50" t="s">
        <v>1216</v>
      </c>
      <c r="N17" s="172"/>
    </row>
    <row r="18" spans="1:14" s="68" customFormat="1" ht="52.8" x14ac:dyDescent="0.2">
      <c r="A18" s="11" t="s">
        <v>11</v>
      </c>
      <c r="B18" s="65" t="s">
        <v>1176</v>
      </c>
      <c r="C18" s="12" t="s">
        <v>99</v>
      </c>
      <c r="D18" s="65" t="s">
        <v>1177</v>
      </c>
      <c r="E18" s="80">
        <v>45956</v>
      </c>
      <c r="F18" s="80">
        <v>45956</v>
      </c>
      <c r="G18" s="50" t="s">
        <v>1165</v>
      </c>
      <c r="H18" s="50" t="s">
        <v>1166</v>
      </c>
      <c r="I18" s="50" t="s">
        <v>1160</v>
      </c>
      <c r="J18" s="50" t="s">
        <v>1161</v>
      </c>
      <c r="K18" s="50" t="s">
        <v>70</v>
      </c>
      <c r="L18" s="70" t="s">
        <v>62</v>
      </c>
      <c r="M18" s="50" t="s">
        <v>1162</v>
      </c>
      <c r="N18" s="160"/>
    </row>
    <row r="19" spans="1:14" s="68" customFormat="1" ht="129.6" x14ac:dyDescent="0.2">
      <c r="A19" s="11" t="s">
        <v>1129</v>
      </c>
      <c r="B19" s="65" t="s">
        <v>1935</v>
      </c>
      <c r="C19" s="12" t="s">
        <v>89</v>
      </c>
      <c r="D19" s="65" t="s">
        <v>1936</v>
      </c>
      <c r="E19" s="71">
        <v>45956</v>
      </c>
      <c r="F19" s="71">
        <v>45956</v>
      </c>
      <c r="G19" s="69" t="s">
        <v>1937</v>
      </c>
      <c r="H19" s="80" t="s">
        <v>1938</v>
      </c>
      <c r="I19" s="50" t="s">
        <v>1553</v>
      </c>
      <c r="J19" s="50" t="s">
        <v>1939</v>
      </c>
      <c r="K19" s="50" t="s">
        <v>61</v>
      </c>
      <c r="L19" s="70" t="s">
        <v>62</v>
      </c>
      <c r="M19" s="50" t="s">
        <v>1555</v>
      </c>
      <c r="N19" s="159" t="s">
        <v>1556</v>
      </c>
    </row>
    <row r="20" spans="1:14" s="68" customFormat="1" ht="52.8" x14ac:dyDescent="0.2">
      <c r="A20" s="11" t="s">
        <v>11</v>
      </c>
      <c r="B20" s="65" t="s">
        <v>1178</v>
      </c>
      <c r="C20" s="12" t="s">
        <v>99</v>
      </c>
      <c r="D20" s="65" t="s">
        <v>1179</v>
      </c>
      <c r="E20" s="80">
        <v>45957</v>
      </c>
      <c r="F20" s="80">
        <v>45959</v>
      </c>
      <c r="G20" s="50" t="s">
        <v>1173</v>
      </c>
      <c r="H20" s="50" t="s">
        <v>1125</v>
      </c>
      <c r="I20" s="50" t="s">
        <v>1160</v>
      </c>
      <c r="J20" s="50" t="s">
        <v>60</v>
      </c>
      <c r="K20" s="50" t="s">
        <v>61</v>
      </c>
      <c r="L20" s="70" t="s">
        <v>85</v>
      </c>
      <c r="M20" s="50" t="s">
        <v>1162</v>
      </c>
      <c r="N20" s="160"/>
    </row>
    <row r="21" spans="1:14" s="68" customFormat="1" ht="132" x14ac:dyDescent="0.2">
      <c r="A21" s="11" t="s">
        <v>11</v>
      </c>
      <c r="B21" s="65" t="s">
        <v>1153</v>
      </c>
      <c r="C21" s="12" t="s">
        <v>55</v>
      </c>
      <c r="D21" s="65" t="s">
        <v>1154</v>
      </c>
      <c r="E21" s="80">
        <v>45958</v>
      </c>
      <c r="F21" s="80">
        <v>45958</v>
      </c>
      <c r="G21" s="50" t="s">
        <v>1155</v>
      </c>
      <c r="H21" s="50" t="s">
        <v>1125</v>
      </c>
      <c r="I21" s="50" t="s">
        <v>1156</v>
      </c>
      <c r="J21" s="50" t="s">
        <v>1157</v>
      </c>
      <c r="K21" s="50" t="s">
        <v>61</v>
      </c>
      <c r="L21" s="70" t="s">
        <v>62</v>
      </c>
      <c r="M21" s="50" t="s">
        <v>1152</v>
      </c>
      <c r="N21" s="160"/>
    </row>
    <row r="22" spans="1:14" s="68" customFormat="1" ht="66" x14ac:dyDescent="0.2">
      <c r="A22" s="11" t="s">
        <v>11</v>
      </c>
      <c r="B22" s="65" t="s">
        <v>1201</v>
      </c>
      <c r="C22" s="74" t="s">
        <v>55</v>
      </c>
      <c r="D22" s="65" t="s">
        <v>1202</v>
      </c>
      <c r="E22" s="80">
        <v>45958</v>
      </c>
      <c r="F22" s="80">
        <v>45958</v>
      </c>
      <c r="G22" s="50" t="s">
        <v>1165</v>
      </c>
      <c r="H22" s="50" t="s">
        <v>1166</v>
      </c>
      <c r="I22" s="50" t="s">
        <v>1198</v>
      </c>
      <c r="J22" s="50" t="s">
        <v>60</v>
      </c>
      <c r="K22" s="50" t="s">
        <v>61</v>
      </c>
      <c r="L22" s="50" t="s">
        <v>85</v>
      </c>
      <c r="M22" s="50" t="s">
        <v>1200</v>
      </c>
      <c r="N22" s="172"/>
    </row>
    <row r="23" spans="1:14" s="68" customFormat="1" ht="129.6" x14ac:dyDescent="0.2">
      <c r="A23" s="11" t="s">
        <v>11</v>
      </c>
      <c r="B23" s="65" t="s">
        <v>1933</v>
      </c>
      <c r="C23" s="12" t="s">
        <v>89</v>
      </c>
      <c r="D23" s="65" t="s">
        <v>1909</v>
      </c>
      <c r="E23" s="69">
        <v>45963</v>
      </c>
      <c r="F23" s="69">
        <v>45963</v>
      </c>
      <c r="G23" s="50" t="s">
        <v>1124</v>
      </c>
      <c r="H23" s="50" t="s">
        <v>1934</v>
      </c>
      <c r="I23" s="50" t="s">
        <v>1553</v>
      </c>
      <c r="J23" s="50" t="s">
        <v>1886</v>
      </c>
      <c r="K23" s="50" t="s">
        <v>70</v>
      </c>
      <c r="L23" s="70" t="s">
        <v>62</v>
      </c>
      <c r="M23" s="50" t="s">
        <v>1555</v>
      </c>
      <c r="N23" s="159" t="s">
        <v>1556</v>
      </c>
    </row>
    <row r="24" spans="1:14" s="68" customFormat="1" ht="52.8" x14ac:dyDescent="0.2">
      <c r="A24" s="11" t="s">
        <v>11</v>
      </c>
      <c r="B24" s="65" t="s">
        <v>1180</v>
      </c>
      <c r="C24" s="12" t="s">
        <v>99</v>
      </c>
      <c r="D24" s="65" t="s">
        <v>1181</v>
      </c>
      <c r="E24" s="80">
        <v>45966</v>
      </c>
      <c r="F24" s="80">
        <v>45971</v>
      </c>
      <c r="G24" s="50" t="s">
        <v>1173</v>
      </c>
      <c r="H24" s="50" t="s">
        <v>1125</v>
      </c>
      <c r="I24" s="50" t="s">
        <v>1160</v>
      </c>
      <c r="J24" s="50" t="s">
        <v>60</v>
      </c>
      <c r="K24" s="50" t="s">
        <v>61</v>
      </c>
      <c r="L24" s="70" t="s">
        <v>85</v>
      </c>
      <c r="M24" s="50" t="s">
        <v>1162</v>
      </c>
      <c r="N24" s="160"/>
    </row>
    <row r="25" spans="1:14" s="68" customFormat="1" ht="84.6" customHeight="1" x14ac:dyDescent="0.2">
      <c r="A25" s="11" t="s">
        <v>11</v>
      </c>
      <c r="B25" s="65" t="s">
        <v>1138</v>
      </c>
      <c r="C25" s="12" t="s">
        <v>600</v>
      </c>
      <c r="D25" s="65" t="s">
        <v>1139</v>
      </c>
      <c r="E25" s="80">
        <v>45969</v>
      </c>
      <c r="F25" s="80">
        <v>45969</v>
      </c>
      <c r="G25" s="50" t="s">
        <v>1140</v>
      </c>
      <c r="H25" s="50" t="s">
        <v>1134</v>
      </c>
      <c r="I25" s="50" t="s">
        <v>1135</v>
      </c>
      <c r="J25" s="50" t="s">
        <v>1141</v>
      </c>
      <c r="K25" s="50" t="s">
        <v>70</v>
      </c>
      <c r="L25" s="70" t="s">
        <v>62</v>
      </c>
      <c r="M25" s="50" t="s">
        <v>1137</v>
      </c>
      <c r="N25" s="160"/>
    </row>
    <row r="26" spans="1:14" s="68" customFormat="1" ht="84.6" customHeight="1" x14ac:dyDescent="0.2">
      <c r="A26" s="11" t="s">
        <v>11</v>
      </c>
      <c r="B26" s="65" t="s">
        <v>1182</v>
      </c>
      <c r="C26" s="12" t="s">
        <v>99</v>
      </c>
      <c r="D26" s="65" t="s">
        <v>1183</v>
      </c>
      <c r="E26" s="80">
        <v>45970</v>
      </c>
      <c r="F26" s="80">
        <v>45970</v>
      </c>
      <c r="G26" s="50" t="s">
        <v>1124</v>
      </c>
      <c r="H26" s="50" t="s">
        <v>1125</v>
      </c>
      <c r="I26" s="50" t="s">
        <v>1160</v>
      </c>
      <c r="J26" s="50" t="s">
        <v>60</v>
      </c>
      <c r="K26" s="50" t="s">
        <v>70</v>
      </c>
      <c r="L26" s="70" t="s">
        <v>62</v>
      </c>
      <c r="M26" s="50" t="s">
        <v>1162</v>
      </c>
      <c r="N26" s="160"/>
    </row>
    <row r="27" spans="1:14" s="68" customFormat="1" ht="84.6" customHeight="1" x14ac:dyDescent="0.2">
      <c r="A27" s="11" t="s">
        <v>11</v>
      </c>
      <c r="B27" s="65" t="s">
        <v>1184</v>
      </c>
      <c r="C27" s="12" t="s">
        <v>99</v>
      </c>
      <c r="D27" s="65" t="s">
        <v>1185</v>
      </c>
      <c r="E27" s="80">
        <v>45970</v>
      </c>
      <c r="F27" s="80">
        <v>45970</v>
      </c>
      <c r="G27" s="50" t="s">
        <v>1165</v>
      </c>
      <c r="H27" s="50" t="s">
        <v>1166</v>
      </c>
      <c r="I27" s="50" t="s">
        <v>1160</v>
      </c>
      <c r="J27" s="50" t="s">
        <v>1161</v>
      </c>
      <c r="K27" s="50" t="s">
        <v>70</v>
      </c>
      <c r="L27" s="70" t="s">
        <v>62</v>
      </c>
      <c r="M27" s="50" t="s">
        <v>1162</v>
      </c>
      <c r="N27" s="160"/>
    </row>
    <row r="28" spans="1:14" s="68" customFormat="1" ht="84.6" customHeight="1" x14ac:dyDescent="0.2">
      <c r="A28" s="11" t="s">
        <v>11</v>
      </c>
      <c r="B28" s="65" t="s">
        <v>1186</v>
      </c>
      <c r="C28" s="12" t="s">
        <v>99</v>
      </c>
      <c r="D28" s="65" t="s">
        <v>1187</v>
      </c>
      <c r="E28" s="80">
        <v>45973</v>
      </c>
      <c r="F28" s="80">
        <v>45975</v>
      </c>
      <c r="G28" s="50" t="s">
        <v>1173</v>
      </c>
      <c r="H28" s="50" t="s">
        <v>1125</v>
      </c>
      <c r="I28" s="50" t="s">
        <v>1160</v>
      </c>
      <c r="J28" s="50" t="s">
        <v>60</v>
      </c>
      <c r="K28" s="50" t="s">
        <v>61</v>
      </c>
      <c r="L28" s="70" t="s">
        <v>85</v>
      </c>
      <c r="M28" s="50" t="s">
        <v>1162</v>
      </c>
      <c r="N28" s="160"/>
    </row>
    <row r="29" spans="1:14" s="68" customFormat="1" ht="84.6" customHeight="1" x14ac:dyDescent="0.2">
      <c r="A29" s="11" t="s">
        <v>11</v>
      </c>
      <c r="B29" s="65" t="s">
        <v>1142</v>
      </c>
      <c r="C29" s="12" t="s">
        <v>600</v>
      </c>
      <c r="D29" s="65" t="s">
        <v>1143</v>
      </c>
      <c r="E29" s="80">
        <v>45976</v>
      </c>
      <c r="F29" s="80">
        <v>45976</v>
      </c>
      <c r="G29" s="50" t="s">
        <v>1144</v>
      </c>
      <c r="H29" s="50" t="s">
        <v>1134</v>
      </c>
      <c r="I29" s="50" t="s">
        <v>1135</v>
      </c>
      <c r="J29" s="50" t="s">
        <v>1145</v>
      </c>
      <c r="K29" s="50" t="s">
        <v>61</v>
      </c>
      <c r="L29" s="70" t="s">
        <v>62</v>
      </c>
      <c r="M29" s="50" t="s">
        <v>1137</v>
      </c>
      <c r="N29" s="160"/>
    </row>
    <row r="30" spans="1:14" s="68" customFormat="1" ht="52.8" x14ac:dyDescent="0.2">
      <c r="A30" s="11" t="s">
        <v>11</v>
      </c>
      <c r="B30" s="65" t="s">
        <v>1188</v>
      </c>
      <c r="C30" s="12" t="s">
        <v>99</v>
      </c>
      <c r="D30" s="65" t="s">
        <v>1189</v>
      </c>
      <c r="E30" s="80">
        <v>45976</v>
      </c>
      <c r="F30" s="80">
        <v>45976</v>
      </c>
      <c r="G30" s="50" t="s">
        <v>1165</v>
      </c>
      <c r="H30" s="50" t="s">
        <v>1166</v>
      </c>
      <c r="I30" s="50" t="s">
        <v>1160</v>
      </c>
      <c r="J30" s="50" t="s">
        <v>60</v>
      </c>
      <c r="K30" s="50" t="s">
        <v>61</v>
      </c>
      <c r="L30" s="70" t="s">
        <v>85</v>
      </c>
      <c r="M30" s="50" t="s">
        <v>1162</v>
      </c>
      <c r="N30" s="160"/>
    </row>
    <row r="31" spans="1:14" s="68" customFormat="1" ht="113.4" x14ac:dyDescent="0.2">
      <c r="A31" s="14" t="s">
        <v>11</v>
      </c>
      <c r="B31" s="47" t="s">
        <v>1969</v>
      </c>
      <c r="C31" s="16" t="s">
        <v>55</v>
      </c>
      <c r="D31" s="47" t="s">
        <v>1970</v>
      </c>
      <c r="E31" s="33">
        <v>45976</v>
      </c>
      <c r="F31" s="33">
        <v>45976</v>
      </c>
      <c r="G31" s="56" t="s">
        <v>1944</v>
      </c>
      <c r="H31" s="13" t="s">
        <v>1945</v>
      </c>
      <c r="I31" s="13" t="s">
        <v>1971</v>
      </c>
      <c r="J31" s="54" t="s">
        <v>1045</v>
      </c>
      <c r="K31" s="13" t="s">
        <v>70</v>
      </c>
      <c r="L31" s="17" t="s">
        <v>62</v>
      </c>
      <c r="M31" s="13" t="s">
        <v>1947</v>
      </c>
      <c r="N31" s="159" t="s">
        <v>1948</v>
      </c>
    </row>
    <row r="32" spans="1:14" s="68" customFormat="1" ht="113.4" x14ac:dyDescent="0.2">
      <c r="A32" s="14" t="s">
        <v>11</v>
      </c>
      <c r="B32" s="47" t="s">
        <v>1974</v>
      </c>
      <c r="C32" s="16" t="s">
        <v>600</v>
      </c>
      <c r="D32" s="47" t="s">
        <v>1975</v>
      </c>
      <c r="E32" s="33">
        <v>45977</v>
      </c>
      <c r="F32" s="33">
        <v>45977</v>
      </c>
      <c r="G32" s="56" t="s">
        <v>1944</v>
      </c>
      <c r="H32" s="13" t="s">
        <v>1952</v>
      </c>
      <c r="I32" s="13" t="s">
        <v>1957</v>
      </c>
      <c r="J32" s="54" t="s">
        <v>1045</v>
      </c>
      <c r="K32" s="13" t="s">
        <v>70</v>
      </c>
      <c r="L32" s="17" t="s">
        <v>62</v>
      </c>
      <c r="M32" s="13" t="s">
        <v>1947</v>
      </c>
      <c r="N32" s="159" t="s">
        <v>1948</v>
      </c>
    </row>
    <row r="33" spans="1:14" s="68" customFormat="1" ht="113.4" x14ac:dyDescent="0.2">
      <c r="A33" s="14" t="s">
        <v>11</v>
      </c>
      <c r="B33" s="47" t="s">
        <v>1940</v>
      </c>
      <c r="C33" s="16" t="s">
        <v>55</v>
      </c>
      <c r="D33" s="47" t="s">
        <v>1941</v>
      </c>
      <c r="E33" s="23" t="s">
        <v>1942</v>
      </c>
      <c r="F33" s="23" t="s">
        <v>1943</v>
      </c>
      <c r="G33" s="56" t="s">
        <v>1944</v>
      </c>
      <c r="H33" s="13" t="s">
        <v>1945</v>
      </c>
      <c r="I33" s="13" t="s">
        <v>1946</v>
      </c>
      <c r="J33" s="13" t="s">
        <v>1045</v>
      </c>
      <c r="K33" s="13" t="s">
        <v>61</v>
      </c>
      <c r="L33" s="17" t="s">
        <v>85</v>
      </c>
      <c r="M33" s="13" t="s">
        <v>1947</v>
      </c>
      <c r="N33" s="159" t="s">
        <v>1948</v>
      </c>
    </row>
    <row r="34" spans="1:14" s="68" customFormat="1" ht="113.4" x14ac:dyDescent="0.2">
      <c r="A34" s="14" t="s">
        <v>11</v>
      </c>
      <c r="B34" s="47" t="s">
        <v>1949</v>
      </c>
      <c r="C34" s="16" t="s">
        <v>55</v>
      </c>
      <c r="D34" s="59" t="s">
        <v>1950</v>
      </c>
      <c r="E34" s="23" t="s">
        <v>1951</v>
      </c>
      <c r="F34" s="23" t="s">
        <v>1951</v>
      </c>
      <c r="G34" s="56" t="s">
        <v>1944</v>
      </c>
      <c r="H34" s="13" t="s">
        <v>1952</v>
      </c>
      <c r="I34" s="13" t="s">
        <v>1953</v>
      </c>
      <c r="J34" s="13" t="s">
        <v>1045</v>
      </c>
      <c r="K34" s="13" t="s">
        <v>61</v>
      </c>
      <c r="L34" s="17" t="s">
        <v>85</v>
      </c>
      <c r="M34" s="13" t="s">
        <v>1947</v>
      </c>
      <c r="N34" s="159" t="s">
        <v>1948</v>
      </c>
    </row>
    <row r="35" spans="1:14" s="68" customFormat="1" ht="113.4" x14ac:dyDescent="0.2">
      <c r="A35" s="14" t="s">
        <v>11</v>
      </c>
      <c r="B35" s="47" t="s">
        <v>1954</v>
      </c>
      <c r="C35" s="16" t="s">
        <v>55</v>
      </c>
      <c r="D35" s="59" t="s">
        <v>1955</v>
      </c>
      <c r="E35" s="23" t="s">
        <v>1956</v>
      </c>
      <c r="F35" s="23" t="s">
        <v>1956</v>
      </c>
      <c r="G35" s="56" t="s">
        <v>1944</v>
      </c>
      <c r="H35" s="13" t="s">
        <v>1945</v>
      </c>
      <c r="I35" s="13" t="s">
        <v>1957</v>
      </c>
      <c r="J35" s="54" t="s">
        <v>1045</v>
      </c>
      <c r="K35" s="13" t="s">
        <v>61</v>
      </c>
      <c r="L35" s="17" t="s">
        <v>85</v>
      </c>
      <c r="M35" s="13" t="s">
        <v>1947</v>
      </c>
      <c r="N35" s="159" t="s">
        <v>1948</v>
      </c>
    </row>
    <row r="36" spans="1:14" s="68" customFormat="1" ht="113.4" x14ac:dyDescent="0.2">
      <c r="A36" s="14" t="s">
        <v>11</v>
      </c>
      <c r="B36" s="47" t="s">
        <v>1958</v>
      </c>
      <c r="C36" s="16" t="s">
        <v>55</v>
      </c>
      <c r="D36" s="59" t="s">
        <v>1959</v>
      </c>
      <c r="E36" s="23" t="s">
        <v>1960</v>
      </c>
      <c r="F36" s="23" t="s">
        <v>1960</v>
      </c>
      <c r="G36" s="56" t="s">
        <v>1944</v>
      </c>
      <c r="H36" s="13" t="s">
        <v>1952</v>
      </c>
      <c r="I36" s="13" t="s">
        <v>1957</v>
      </c>
      <c r="J36" s="13" t="s">
        <v>1045</v>
      </c>
      <c r="K36" s="13" t="s">
        <v>61</v>
      </c>
      <c r="L36" s="17" t="s">
        <v>85</v>
      </c>
      <c r="M36" s="13" t="s">
        <v>1947</v>
      </c>
      <c r="N36" s="159" t="s">
        <v>1948</v>
      </c>
    </row>
    <row r="37" spans="1:14" s="68" customFormat="1" ht="307.8" x14ac:dyDescent="0.2">
      <c r="A37" s="14" t="s">
        <v>11</v>
      </c>
      <c r="B37" s="47" t="s">
        <v>1961</v>
      </c>
      <c r="C37" s="16" t="s">
        <v>55</v>
      </c>
      <c r="D37" s="59" t="s">
        <v>1962</v>
      </c>
      <c r="E37" s="23" t="s">
        <v>1963</v>
      </c>
      <c r="F37" s="23" t="s">
        <v>1963</v>
      </c>
      <c r="G37" s="56" t="s">
        <v>1944</v>
      </c>
      <c r="H37" s="13" t="s">
        <v>1945</v>
      </c>
      <c r="I37" s="13" t="s">
        <v>1964</v>
      </c>
      <c r="J37" s="54" t="s">
        <v>1965</v>
      </c>
      <c r="K37" s="13" t="s">
        <v>70</v>
      </c>
      <c r="L37" s="17" t="s">
        <v>62</v>
      </c>
      <c r="M37" s="13" t="s">
        <v>1964</v>
      </c>
      <c r="N37" s="159" t="s">
        <v>1966</v>
      </c>
    </row>
    <row r="38" spans="1:14" s="68" customFormat="1" ht="113.4" x14ac:dyDescent="0.2">
      <c r="A38" s="14" t="s">
        <v>11</v>
      </c>
      <c r="B38" s="47" t="s">
        <v>1940</v>
      </c>
      <c r="C38" s="16" t="s">
        <v>55</v>
      </c>
      <c r="D38" s="47" t="s">
        <v>1941</v>
      </c>
      <c r="E38" s="23" t="s">
        <v>1967</v>
      </c>
      <c r="F38" s="23" t="s">
        <v>1967</v>
      </c>
      <c r="G38" s="56" t="s">
        <v>1944</v>
      </c>
      <c r="H38" s="13" t="s">
        <v>1945</v>
      </c>
      <c r="I38" s="13" t="s">
        <v>1946</v>
      </c>
      <c r="J38" s="13" t="s">
        <v>1045</v>
      </c>
      <c r="K38" s="13" t="s">
        <v>61</v>
      </c>
      <c r="L38" s="17" t="s">
        <v>85</v>
      </c>
      <c r="M38" s="13" t="s">
        <v>1947</v>
      </c>
      <c r="N38" s="159" t="s">
        <v>1968</v>
      </c>
    </row>
    <row r="39" spans="1:14" s="68" customFormat="1" ht="66" x14ac:dyDescent="0.2">
      <c r="A39" s="11" t="s">
        <v>1129</v>
      </c>
      <c r="B39" s="65" t="s">
        <v>1130</v>
      </c>
      <c r="C39" s="12" t="s">
        <v>600</v>
      </c>
      <c r="D39" s="65" t="s">
        <v>1131</v>
      </c>
      <c r="E39" s="80" t="s">
        <v>1132</v>
      </c>
      <c r="F39" s="80" t="s">
        <v>1132</v>
      </c>
      <c r="G39" s="50" t="s">
        <v>1133</v>
      </c>
      <c r="H39" s="50" t="s">
        <v>1134</v>
      </c>
      <c r="I39" s="50" t="s">
        <v>1135</v>
      </c>
      <c r="J39" s="50" t="s">
        <v>1136</v>
      </c>
      <c r="K39" s="50" t="s">
        <v>61</v>
      </c>
      <c r="L39" s="70" t="s">
        <v>62</v>
      </c>
      <c r="M39" s="50" t="s">
        <v>1137</v>
      </c>
      <c r="N39" s="160"/>
    </row>
    <row r="40" spans="1:14" s="68" customFormat="1" ht="113.4" x14ac:dyDescent="0.2">
      <c r="A40" s="14" t="s">
        <v>11</v>
      </c>
      <c r="B40" s="47" t="s">
        <v>1940</v>
      </c>
      <c r="C40" s="16" t="s">
        <v>55</v>
      </c>
      <c r="D40" s="47" t="s">
        <v>1941</v>
      </c>
      <c r="E40" s="23" t="s">
        <v>1972</v>
      </c>
      <c r="F40" s="23" t="s">
        <v>1973</v>
      </c>
      <c r="G40" s="56" t="s">
        <v>1944</v>
      </c>
      <c r="H40" s="13" t="s">
        <v>1945</v>
      </c>
      <c r="I40" s="13" t="s">
        <v>1946</v>
      </c>
      <c r="J40" s="13" t="s">
        <v>1045</v>
      </c>
      <c r="K40" s="13" t="s">
        <v>61</v>
      </c>
      <c r="L40" s="17" t="s">
        <v>85</v>
      </c>
      <c r="M40" s="13" t="s">
        <v>1947</v>
      </c>
      <c r="N40" s="159" t="s">
        <v>1948</v>
      </c>
    </row>
  </sheetData>
  <mergeCells count="1">
    <mergeCell ref="A1:N1"/>
  </mergeCells>
  <phoneticPr fontId="2"/>
  <dataValidations count="1">
    <dataValidation type="list" allowBlank="1" showInputMessage="1" showErrorMessage="1" sqref="K3:K40">
      <formula1>"有料,無料,その他"</formula1>
    </dataValidation>
  </dataValidations>
  <hyperlinks>
    <hyperlink ref="N10" r:id="rId1" display="https://www.city.zama.kanagawa.jp/shisetsu/kyoiku/kouminkan/1008638.html"/>
    <hyperlink ref="N12" r:id="rId2"/>
    <hyperlink ref="N19" r:id="rId3"/>
    <hyperlink ref="N23" r:id="rId4"/>
    <hyperlink ref="N31" r:id="rId5"/>
    <hyperlink ref="N32" r:id="rId6"/>
    <hyperlink ref="N33" r:id="rId7"/>
    <hyperlink ref="N34" r:id="rId8"/>
    <hyperlink ref="N35" r:id="rId9"/>
    <hyperlink ref="N36" r:id="rId10"/>
    <hyperlink ref="N37" r:id="rId11"/>
    <hyperlink ref="N38" r:id="rId12"/>
    <hyperlink ref="N40" r:id="rId13"/>
  </hyperlinks>
  <pageMargins left="0.23622047244094491" right="0.23622047244094491" top="0.74803149606299213" bottom="0.74803149606299213" header="0.31496062992125984" footer="0.31496062992125984"/>
  <pageSetup paperSize="9" scale="50" fitToHeight="0" orientation="portrait" r:id="rId14"/>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0">
    <pageSetUpPr fitToPage="1"/>
  </sheetPr>
  <dimension ref="A1:N7"/>
  <sheetViews>
    <sheetView zoomScale="80" zoomScaleNormal="80" workbookViewId="0">
      <pane ySplit="2" topLeftCell="A3" activePane="bottomLeft" state="frozen"/>
      <selection activeCell="Q5" sqref="Q5"/>
      <selection pane="bottomLeft" activeCell="C19" sqref="C19"/>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81.599999999999994" thickTop="1" x14ac:dyDescent="0.2">
      <c r="A3" s="11" t="s">
        <v>1992</v>
      </c>
      <c r="B3" s="65" t="s">
        <v>1845</v>
      </c>
      <c r="C3" s="12" t="s">
        <v>99</v>
      </c>
      <c r="D3" s="65" t="s">
        <v>1846</v>
      </c>
      <c r="E3" s="69">
        <v>45920</v>
      </c>
      <c r="F3" s="69">
        <v>45920</v>
      </c>
      <c r="G3" s="50" t="s">
        <v>1993</v>
      </c>
      <c r="H3" s="50" t="s">
        <v>1994</v>
      </c>
      <c r="I3" s="49" t="s">
        <v>1848</v>
      </c>
      <c r="J3" s="50" t="s">
        <v>60</v>
      </c>
      <c r="K3" s="50" t="s">
        <v>61</v>
      </c>
      <c r="L3" s="70" t="s">
        <v>62</v>
      </c>
      <c r="M3" s="50" t="s">
        <v>1849</v>
      </c>
      <c r="N3" s="159" t="s">
        <v>1995</v>
      </c>
    </row>
    <row r="4" spans="1:14" s="68" customFormat="1" ht="64.8" x14ac:dyDescent="0.2">
      <c r="A4" s="4" t="s">
        <v>12</v>
      </c>
      <c r="B4" s="66" t="s">
        <v>1976</v>
      </c>
      <c r="C4" s="7" t="s">
        <v>55</v>
      </c>
      <c r="D4" s="66" t="s">
        <v>1977</v>
      </c>
      <c r="E4" s="9">
        <v>45921</v>
      </c>
      <c r="F4" s="9">
        <v>45921</v>
      </c>
      <c r="G4" s="39" t="s">
        <v>1978</v>
      </c>
      <c r="H4" s="39" t="s">
        <v>1979</v>
      </c>
      <c r="I4" s="39" t="s">
        <v>1980</v>
      </c>
      <c r="J4" s="39" t="s">
        <v>1981</v>
      </c>
      <c r="K4" s="39" t="s">
        <v>70</v>
      </c>
      <c r="L4" s="10" t="s">
        <v>62</v>
      </c>
      <c r="M4" s="39" t="s">
        <v>1978</v>
      </c>
      <c r="N4" s="159" t="s">
        <v>1982</v>
      </c>
    </row>
    <row r="5" spans="1:14" s="68" customFormat="1" ht="64.8" x14ac:dyDescent="0.2">
      <c r="A5" s="4" t="s">
        <v>12</v>
      </c>
      <c r="B5" s="66" t="s">
        <v>1983</v>
      </c>
      <c r="C5" s="7" t="s">
        <v>55</v>
      </c>
      <c r="D5" s="66" t="s">
        <v>1984</v>
      </c>
      <c r="E5" s="9">
        <v>45928</v>
      </c>
      <c r="F5" s="9">
        <v>45928</v>
      </c>
      <c r="G5" s="39" t="s">
        <v>1978</v>
      </c>
      <c r="H5" s="39" t="s">
        <v>1985</v>
      </c>
      <c r="I5" s="39" t="s">
        <v>1980</v>
      </c>
      <c r="J5" s="39" t="s">
        <v>1986</v>
      </c>
      <c r="K5" s="39" t="s">
        <v>70</v>
      </c>
      <c r="L5" s="10" t="s">
        <v>62</v>
      </c>
      <c r="M5" s="39" t="s">
        <v>1978</v>
      </c>
      <c r="N5" s="159" t="s">
        <v>1982</v>
      </c>
    </row>
    <row r="6" spans="1:14" s="68" customFormat="1" ht="64.8" x14ac:dyDescent="0.2">
      <c r="A6" s="4" t="s">
        <v>12</v>
      </c>
      <c r="B6" s="4" t="s">
        <v>1987</v>
      </c>
      <c r="C6" s="7" t="s">
        <v>55</v>
      </c>
      <c r="D6" s="4" t="s">
        <v>1988</v>
      </c>
      <c r="E6" s="9">
        <v>45934</v>
      </c>
      <c r="F6" s="9">
        <v>45934</v>
      </c>
      <c r="G6" s="39" t="s">
        <v>1978</v>
      </c>
      <c r="H6" s="39" t="s">
        <v>1985</v>
      </c>
      <c r="I6" s="39" t="s">
        <v>1980</v>
      </c>
      <c r="J6" s="39" t="s">
        <v>1986</v>
      </c>
      <c r="K6" s="39" t="s">
        <v>70</v>
      </c>
      <c r="L6" s="10" t="s">
        <v>62</v>
      </c>
      <c r="M6" s="39" t="s">
        <v>1978</v>
      </c>
      <c r="N6" s="159" t="s">
        <v>1982</v>
      </c>
    </row>
    <row r="7" spans="1:14" s="68" customFormat="1" ht="64.8" x14ac:dyDescent="0.2">
      <c r="A7" s="4" t="s">
        <v>12</v>
      </c>
      <c r="B7" s="4" t="s">
        <v>1989</v>
      </c>
      <c r="C7" s="7" t="s">
        <v>55</v>
      </c>
      <c r="D7" s="4" t="s">
        <v>1990</v>
      </c>
      <c r="E7" s="9">
        <v>45935</v>
      </c>
      <c r="F7" s="9">
        <v>45935</v>
      </c>
      <c r="G7" s="39" t="s">
        <v>1978</v>
      </c>
      <c r="H7" s="39" t="s">
        <v>1985</v>
      </c>
      <c r="I7" s="39" t="s">
        <v>1980</v>
      </c>
      <c r="J7" s="39" t="s">
        <v>1991</v>
      </c>
      <c r="K7" s="39" t="s">
        <v>70</v>
      </c>
      <c r="L7" s="10" t="s">
        <v>62</v>
      </c>
      <c r="M7" s="39" t="s">
        <v>1978</v>
      </c>
      <c r="N7" s="159" t="s">
        <v>1982</v>
      </c>
    </row>
  </sheetData>
  <mergeCells count="1">
    <mergeCell ref="A1:N1"/>
  </mergeCells>
  <phoneticPr fontId="2"/>
  <dataValidations count="1">
    <dataValidation type="list" allowBlank="1" showInputMessage="1" showErrorMessage="1" sqref="K3:K7">
      <formula1>"有料,無料,その他"</formula1>
    </dataValidation>
  </dataValidations>
  <hyperlinks>
    <hyperlink ref="N3" r:id="rId1"/>
    <hyperlink ref="N4" r:id="rId2"/>
    <hyperlink ref="N5" r:id="rId3"/>
    <hyperlink ref="N6" r:id="rId4"/>
    <hyperlink ref="N7" r:id="rId5"/>
  </hyperlinks>
  <pageMargins left="0.23622047244094491" right="0.23622047244094491" top="0.74803149606299213" bottom="0.74803149606299213" header="0.31496062992125984" footer="0.31496062992125984"/>
  <pageSetup paperSize="9" scale="50" fitToHeight="0" orientation="portrait" r:id="rId6"/>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1">
    <pageSetUpPr fitToPage="1"/>
  </sheetPr>
  <dimension ref="A1:N40"/>
  <sheetViews>
    <sheetView zoomScale="80" zoomScaleNormal="80" workbookViewId="0">
      <pane ySplit="2" topLeftCell="A3" activePane="bottomLeft" state="frozen"/>
      <selection activeCell="Q5" sqref="Q5"/>
      <selection pane="bottomLeft" activeCell="Q5" sqref="Q5"/>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81.599999999999994" thickTop="1" x14ac:dyDescent="0.2">
      <c r="A3" s="11" t="s">
        <v>13</v>
      </c>
      <c r="B3" s="11" t="s">
        <v>1264</v>
      </c>
      <c r="C3" s="12" t="s">
        <v>55</v>
      </c>
      <c r="D3" s="11" t="s">
        <v>1265</v>
      </c>
      <c r="E3" s="69">
        <v>45918</v>
      </c>
      <c r="F3" s="69">
        <v>45918</v>
      </c>
      <c r="G3" s="50" t="s">
        <v>1266</v>
      </c>
      <c r="H3" s="50" t="s">
        <v>1267</v>
      </c>
      <c r="I3" s="49" t="s">
        <v>1259</v>
      </c>
      <c r="J3" s="50" t="s">
        <v>1268</v>
      </c>
      <c r="K3" s="50" t="s">
        <v>61</v>
      </c>
      <c r="L3" s="70" t="s">
        <v>85</v>
      </c>
      <c r="M3" s="50" t="s">
        <v>1266</v>
      </c>
      <c r="N3" s="159" t="s">
        <v>1269</v>
      </c>
    </row>
    <row r="4" spans="1:14" s="68" customFormat="1" ht="81" x14ac:dyDescent="0.2">
      <c r="A4" s="11" t="s">
        <v>13</v>
      </c>
      <c r="B4" s="11" t="s">
        <v>1264</v>
      </c>
      <c r="C4" s="12" t="s">
        <v>55</v>
      </c>
      <c r="D4" s="11" t="s">
        <v>1265</v>
      </c>
      <c r="E4" s="69">
        <v>45918</v>
      </c>
      <c r="F4" s="69">
        <v>45918</v>
      </c>
      <c r="G4" s="50" t="s">
        <v>1270</v>
      </c>
      <c r="H4" s="50" t="s">
        <v>1271</v>
      </c>
      <c r="I4" s="49" t="s">
        <v>1259</v>
      </c>
      <c r="J4" s="50" t="s">
        <v>1272</v>
      </c>
      <c r="K4" s="50" t="s">
        <v>61</v>
      </c>
      <c r="L4" s="70" t="s">
        <v>85</v>
      </c>
      <c r="M4" s="50" t="s">
        <v>1270</v>
      </c>
      <c r="N4" s="159" t="s">
        <v>1269</v>
      </c>
    </row>
    <row r="5" spans="1:14" s="68" customFormat="1" ht="52.8" x14ac:dyDescent="0.2">
      <c r="A5" s="11" t="s">
        <v>13</v>
      </c>
      <c r="B5" s="11" t="s">
        <v>1285</v>
      </c>
      <c r="C5" s="12" t="s">
        <v>55</v>
      </c>
      <c r="D5" s="11" t="s">
        <v>1277</v>
      </c>
      <c r="E5" s="69">
        <v>45920</v>
      </c>
      <c r="F5" s="69">
        <v>45920</v>
      </c>
      <c r="G5" s="50" t="s">
        <v>1278</v>
      </c>
      <c r="H5" s="50" t="s">
        <v>1279</v>
      </c>
      <c r="I5" s="49" t="s">
        <v>1259</v>
      </c>
      <c r="J5" s="50" t="s">
        <v>1286</v>
      </c>
      <c r="K5" s="50" t="s">
        <v>61</v>
      </c>
      <c r="L5" s="70" t="s">
        <v>85</v>
      </c>
      <c r="M5" s="49" t="s">
        <v>1259</v>
      </c>
      <c r="N5" s="159" t="s">
        <v>1281</v>
      </c>
    </row>
    <row r="6" spans="1:14" s="68" customFormat="1" ht="52.8" x14ac:dyDescent="0.2">
      <c r="A6" s="11" t="s">
        <v>13</v>
      </c>
      <c r="B6" s="11" t="s">
        <v>1295</v>
      </c>
      <c r="C6" s="12" t="s">
        <v>55</v>
      </c>
      <c r="D6" s="11" t="s">
        <v>1277</v>
      </c>
      <c r="E6" s="69">
        <v>45921</v>
      </c>
      <c r="F6" s="69">
        <v>45921</v>
      </c>
      <c r="G6" s="50" t="s">
        <v>1292</v>
      </c>
      <c r="H6" s="50" t="s">
        <v>1293</v>
      </c>
      <c r="I6" s="49" t="s">
        <v>1259</v>
      </c>
      <c r="J6" s="50" t="s">
        <v>1290</v>
      </c>
      <c r="K6" s="50" t="s">
        <v>61</v>
      </c>
      <c r="L6" s="70" t="s">
        <v>85</v>
      </c>
      <c r="M6" s="49" t="s">
        <v>1259</v>
      </c>
      <c r="N6" s="159" t="s">
        <v>1281</v>
      </c>
    </row>
    <row r="7" spans="1:14" s="68" customFormat="1" ht="52.8" x14ac:dyDescent="0.2">
      <c r="A7" s="11" t="s">
        <v>13</v>
      </c>
      <c r="B7" s="11" t="s">
        <v>1257</v>
      </c>
      <c r="C7" s="12" t="s">
        <v>55</v>
      </c>
      <c r="D7" s="11" t="s">
        <v>1258</v>
      </c>
      <c r="E7" s="69">
        <v>45922</v>
      </c>
      <c r="F7" s="69">
        <v>45922</v>
      </c>
      <c r="G7" s="50" t="s">
        <v>1259</v>
      </c>
      <c r="H7" s="50" t="s">
        <v>1260</v>
      </c>
      <c r="I7" s="49" t="s">
        <v>1259</v>
      </c>
      <c r="J7" s="50" t="s">
        <v>1261</v>
      </c>
      <c r="K7" s="50" t="s">
        <v>61</v>
      </c>
      <c r="L7" s="70" t="s">
        <v>62</v>
      </c>
      <c r="M7" s="50" t="s">
        <v>1262</v>
      </c>
      <c r="N7" s="159" t="s">
        <v>1263</v>
      </c>
    </row>
    <row r="8" spans="1:14" s="68" customFormat="1" ht="210.6" x14ac:dyDescent="0.2">
      <c r="A8" s="11" t="s">
        <v>1225</v>
      </c>
      <c r="B8" s="11" t="s">
        <v>1226</v>
      </c>
      <c r="C8" s="12" t="s">
        <v>99</v>
      </c>
      <c r="D8" s="11" t="s">
        <v>2148</v>
      </c>
      <c r="E8" s="69">
        <v>45925</v>
      </c>
      <c r="F8" s="69">
        <v>45929</v>
      </c>
      <c r="G8" s="50" t="s">
        <v>1227</v>
      </c>
      <c r="H8" s="50" t="s">
        <v>1228</v>
      </c>
      <c r="I8" s="50" t="s">
        <v>1229</v>
      </c>
      <c r="J8" s="50" t="s">
        <v>1230</v>
      </c>
      <c r="K8" s="50" t="s">
        <v>61</v>
      </c>
      <c r="L8" s="70" t="s">
        <v>62</v>
      </c>
      <c r="M8" s="50" t="s">
        <v>1231</v>
      </c>
      <c r="N8" s="159" t="s">
        <v>1232</v>
      </c>
    </row>
    <row r="9" spans="1:14" s="68" customFormat="1" ht="210.6" x14ac:dyDescent="0.2">
      <c r="A9" s="11" t="s">
        <v>1225</v>
      </c>
      <c r="B9" s="11" t="s">
        <v>1233</v>
      </c>
      <c r="C9" s="12" t="s">
        <v>99</v>
      </c>
      <c r="D9" s="11" t="s">
        <v>2149</v>
      </c>
      <c r="E9" s="69">
        <v>45925</v>
      </c>
      <c r="F9" s="69">
        <v>45929</v>
      </c>
      <c r="G9" s="50" t="s">
        <v>1227</v>
      </c>
      <c r="H9" s="50" t="s">
        <v>1228</v>
      </c>
      <c r="I9" s="50" t="s">
        <v>1229</v>
      </c>
      <c r="J9" s="50" t="s">
        <v>1234</v>
      </c>
      <c r="K9" s="50" t="s">
        <v>61</v>
      </c>
      <c r="L9" s="70" t="s">
        <v>62</v>
      </c>
      <c r="M9" s="50" t="s">
        <v>1231</v>
      </c>
      <c r="N9" s="159" t="s">
        <v>1232</v>
      </c>
    </row>
    <row r="10" spans="1:14" s="68" customFormat="1" ht="66" x14ac:dyDescent="0.2">
      <c r="A10" s="11" t="s">
        <v>13</v>
      </c>
      <c r="B10" s="11" t="s">
        <v>1287</v>
      </c>
      <c r="C10" s="12" t="s">
        <v>55</v>
      </c>
      <c r="D10" s="11" t="s">
        <v>1277</v>
      </c>
      <c r="E10" s="69">
        <v>45927</v>
      </c>
      <c r="F10" s="69">
        <v>45927</v>
      </c>
      <c r="G10" s="50" t="s">
        <v>1288</v>
      </c>
      <c r="H10" s="50" t="s">
        <v>1289</v>
      </c>
      <c r="I10" s="49" t="s">
        <v>1259</v>
      </c>
      <c r="J10" s="50" t="s">
        <v>1290</v>
      </c>
      <c r="K10" s="50" t="s">
        <v>61</v>
      </c>
      <c r="L10" s="70" t="s">
        <v>85</v>
      </c>
      <c r="M10" s="49" t="s">
        <v>1259</v>
      </c>
      <c r="N10" s="159" t="s">
        <v>1281</v>
      </c>
    </row>
    <row r="11" spans="1:14" s="68" customFormat="1" ht="210.6" x14ac:dyDescent="0.2">
      <c r="A11" s="11" t="s">
        <v>1225</v>
      </c>
      <c r="B11" s="11" t="s">
        <v>1252</v>
      </c>
      <c r="C11" s="12" t="s">
        <v>99</v>
      </c>
      <c r="D11" s="11" t="s">
        <v>2150</v>
      </c>
      <c r="E11" s="69">
        <v>45930</v>
      </c>
      <c r="F11" s="69">
        <v>45930</v>
      </c>
      <c r="G11" s="50" t="s">
        <v>1253</v>
      </c>
      <c r="H11" s="50" t="s">
        <v>1228</v>
      </c>
      <c r="I11" s="50" t="s">
        <v>1229</v>
      </c>
      <c r="J11" s="50" t="s">
        <v>1222</v>
      </c>
      <c r="K11" s="50" t="s">
        <v>61</v>
      </c>
      <c r="L11" s="70" t="s">
        <v>85</v>
      </c>
      <c r="M11" s="50" t="s">
        <v>1229</v>
      </c>
      <c r="N11" s="159" t="s">
        <v>1254</v>
      </c>
    </row>
    <row r="12" spans="1:14" s="68" customFormat="1" ht="52.8" x14ac:dyDescent="0.2">
      <c r="A12" s="11" t="s">
        <v>13</v>
      </c>
      <c r="B12" s="11" t="s">
        <v>1276</v>
      </c>
      <c r="C12" s="12" t="s">
        <v>55</v>
      </c>
      <c r="D12" s="11" t="s">
        <v>1277</v>
      </c>
      <c r="E12" s="69">
        <v>45932</v>
      </c>
      <c r="F12" s="69">
        <v>45932</v>
      </c>
      <c r="G12" s="50" t="s">
        <v>1278</v>
      </c>
      <c r="H12" s="50" t="s">
        <v>1279</v>
      </c>
      <c r="I12" s="49" t="s">
        <v>1259</v>
      </c>
      <c r="J12" s="50" t="s">
        <v>1280</v>
      </c>
      <c r="K12" s="50" t="s">
        <v>61</v>
      </c>
      <c r="L12" s="70" t="s">
        <v>85</v>
      </c>
      <c r="M12" s="49" t="s">
        <v>1259</v>
      </c>
      <c r="N12" s="159" t="s">
        <v>1281</v>
      </c>
    </row>
    <row r="13" spans="1:14" s="68" customFormat="1" ht="52.8" x14ac:dyDescent="0.2">
      <c r="A13" s="11" t="s">
        <v>13</v>
      </c>
      <c r="B13" s="11" t="s">
        <v>1291</v>
      </c>
      <c r="C13" s="12" t="s">
        <v>55</v>
      </c>
      <c r="D13" s="11" t="s">
        <v>1277</v>
      </c>
      <c r="E13" s="69">
        <v>45934</v>
      </c>
      <c r="F13" s="69">
        <v>45934</v>
      </c>
      <c r="G13" s="50" t="s">
        <v>1292</v>
      </c>
      <c r="H13" s="50" t="s">
        <v>1293</v>
      </c>
      <c r="I13" s="49" t="s">
        <v>1259</v>
      </c>
      <c r="J13" s="50" t="s">
        <v>1294</v>
      </c>
      <c r="K13" s="50" t="s">
        <v>61</v>
      </c>
      <c r="L13" s="70" t="s">
        <v>85</v>
      </c>
      <c r="M13" s="49" t="s">
        <v>1259</v>
      </c>
      <c r="N13" s="159" t="s">
        <v>1281</v>
      </c>
    </row>
    <row r="14" spans="1:14" s="68" customFormat="1" ht="52.8" x14ac:dyDescent="0.2">
      <c r="A14" s="11" t="s">
        <v>13</v>
      </c>
      <c r="B14" s="11" t="s">
        <v>1283</v>
      </c>
      <c r="C14" s="12" t="s">
        <v>55</v>
      </c>
      <c r="D14" s="11" t="s">
        <v>1277</v>
      </c>
      <c r="E14" s="69">
        <v>45941</v>
      </c>
      <c r="F14" s="69">
        <v>45941</v>
      </c>
      <c r="G14" s="50" t="s">
        <v>1278</v>
      </c>
      <c r="H14" s="50" t="s">
        <v>1279</v>
      </c>
      <c r="I14" s="49" t="s">
        <v>1259</v>
      </c>
      <c r="J14" s="50" t="s">
        <v>1284</v>
      </c>
      <c r="K14" s="50" t="s">
        <v>61</v>
      </c>
      <c r="L14" s="70" t="s">
        <v>85</v>
      </c>
      <c r="M14" s="49" t="s">
        <v>1259</v>
      </c>
      <c r="N14" s="159" t="s">
        <v>1281</v>
      </c>
    </row>
    <row r="15" spans="1:14" s="68" customFormat="1" ht="210.6" x14ac:dyDescent="0.2">
      <c r="A15" s="11" t="s">
        <v>1225</v>
      </c>
      <c r="B15" s="11" t="s">
        <v>1235</v>
      </c>
      <c r="C15" s="12" t="s">
        <v>99</v>
      </c>
      <c r="D15" s="11" t="s">
        <v>2151</v>
      </c>
      <c r="E15" s="69">
        <v>45945</v>
      </c>
      <c r="F15" s="69">
        <v>45949</v>
      </c>
      <c r="G15" s="50" t="s">
        <v>1227</v>
      </c>
      <c r="H15" s="50" t="s">
        <v>1228</v>
      </c>
      <c r="I15" s="50" t="s">
        <v>1229</v>
      </c>
      <c r="J15" s="50" t="s">
        <v>1236</v>
      </c>
      <c r="K15" s="50" t="s">
        <v>61</v>
      </c>
      <c r="L15" s="70" t="s">
        <v>62</v>
      </c>
      <c r="M15" s="50" t="s">
        <v>1231</v>
      </c>
      <c r="N15" s="159" t="s">
        <v>1232</v>
      </c>
    </row>
    <row r="16" spans="1:14" s="68" customFormat="1" ht="81" x14ac:dyDescent="0.2">
      <c r="A16" s="11" t="s">
        <v>13</v>
      </c>
      <c r="B16" s="11" t="s">
        <v>1264</v>
      </c>
      <c r="C16" s="12" t="s">
        <v>55</v>
      </c>
      <c r="D16" s="11" t="s">
        <v>1265</v>
      </c>
      <c r="E16" s="69">
        <v>45946</v>
      </c>
      <c r="F16" s="69">
        <v>45946</v>
      </c>
      <c r="G16" s="50" t="s">
        <v>1273</v>
      </c>
      <c r="H16" s="50" t="s">
        <v>1274</v>
      </c>
      <c r="I16" s="49" t="s">
        <v>1259</v>
      </c>
      <c r="J16" s="50" t="s">
        <v>1268</v>
      </c>
      <c r="K16" s="50" t="s">
        <v>61</v>
      </c>
      <c r="L16" s="70" t="s">
        <v>85</v>
      </c>
      <c r="M16" s="50" t="s">
        <v>1273</v>
      </c>
      <c r="N16" s="159" t="s">
        <v>1269</v>
      </c>
    </row>
    <row r="17" spans="1:14" s="68" customFormat="1" ht="81" x14ac:dyDescent="0.2">
      <c r="A17" s="11" t="s">
        <v>13</v>
      </c>
      <c r="B17" s="11" t="s">
        <v>1264</v>
      </c>
      <c r="C17" s="12" t="s">
        <v>55</v>
      </c>
      <c r="D17" s="11" t="s">
        <v>1265</v>
      </c>
      <c r="E17" s="69">
        <v>45946</v>
      </c>
      <c r="F17" s="69">
        <v>45946</v>
      </c>
      <c r="G17" s="50" t="s">
        <v>1270</v>
      </c>
      <c r="H17" s="50" t="s">
        <v>1271</v>
      </c>
      <c r="I17" s="49" t="s">
        <v>1259</v>
      </c>
      <c r="J17" s="50" t="s">
        <v>1272</v>
      </c>
      <c r="K17" s="50" t="s">
        <v>61</v>
      </c>
      <c r="L17" s="70" t="s">
        <v>85</v>
      </c>
      <c r="M17" s="50" t="s">
        <v>1270</v>
      </c>
      <c r="N17" s="159" t="s">
        <v>1269</v>
      </c>
    </row>
    <row r="18" spans="1:14" s="68" customFormat="1" ht="52.8" x14ac:dyDescent="0.2">
      <c r="A18" s="11" t="s">
        <v>13</v>
      </c>
      <c r="B18" s="11" t="s">
        <v>1285</v>
      </c>
      <c r="C18" s="12" t="s">
        <v>55</v>
      </c>
      <c r="D18" s="11" t="s">
        <v>1277</v>
      </c>
      <c r="E18" s="69">
        <v>45948</v>
      </c>
      <c r="F18" s="69">
        <v>45948</v>
      </c>
      <c r="G18" s="50" t="s">
        <v>1278</v>
      </c>
      <c r="H18" s="50" t="s">
        <v>1279</v>
      </c>
      <c r="I18" s="49" t="s">
        <v>1259</v>
      </c>
      <c r="J18" s="50" t="s">
        <v>1286</v>
      </c>
      <c r="K18" s="50" t="s">
        <v>61</v>
      </c>
      <c r="L18" s="70" t="s">
        <v>85</v>
      </c>
      <c r="M18" s="49" t="s">
        <v>1259</v>
      </c>
      <c r="N18" s="159" t="s">
        <v>1281</v>
      </c>
    </row>
    <row r="19" spans="1:14" s="68" customFormat="1" ht="52.8" x14ac:dyDescent="0.2">
      <c r="A19" s="11" t="s">
        <v>13</v>
      </c>
      <c r="B19" s="11" t="s">
        <v>1295</v>
      </c>
      <c r="C19" s="12" t="s">
        <v>55</v>
      </c>
      <c r="D19" s="11" t="s">
        <v>1277</v>
      </c>
      <c r="E19" s="69">
        <v>45949</v>
      </c>
      <c r="F19" s="69">
        <v>45949</v>
      </c>
      <c r="G19" s="50" t="s">
        <v>1292</v>
      </c>
      <c r="H19" s="50" t="s">
        <v>1293</v>
      </c>
      <c r="I19" s="49" t="s">
        <v>1259</v>
      </c>
      <c r="J19" s="50" t="s">
        <v>1290</v>
      </c>
      <c r="K19" s="50" t="s">
        <v>61</v>
      </c>
      <c r="L19" s="70" t="s">
        <v>85</v>
      </c>
      <c r="M19" s="49" t="s">
        <v>1259</v>
      </c>
      <c r="N19" s="159" t="s">
        <v>1281</v>
      </c>
    </row>
    <row r="20" spans="1:14" s="68" customFormat="1" ht="39.6" x14ac:dyDescent="0.2">
      <c r="A20" s="11" t="s">
        <v>13</v>
      </c>
      <c r="B20" s="11" t="s">
        <v>1296</v>
      </c>
      <c r="C20" s="12" t="s">
        <v>55</v>
      </c>
      <c r="D20" s="11" t="s">
        <v>1277</v>
      </c>
      <c r="E20" s="69">
        <v>45950</v>
      </c>
      <c r="F20" s="69">
        <v>45950</v>
      </c>
      <c r="G20" s="50" t="s">
        <v>1297</v>
      </c>
      <c r="H20" s="50" t="s">
        <v>1267</v>
      </c>
      <c r="I20" s="49" t="s">
        <v>1259</v>
      </c>
      <c r="J20" s="50" t="s">
        <v>1294</v>
      </c>
      <c r="K20" s="50" t="s">
        <v>61</v>
      </c>
      <c r="L20" s="70" t="s">
        <v>85</v>
      </c>
      <c r="M20" s="49" t="s">
        <v>1259</v>
      </c>
      <c r="N20" s="159" t="s">
        <v>1281</v>
      </c>
    </row>
    <row r="21" spans="1:14" s="68" customFormat="1" ht="105.6" x14ac:dyDescent="0.2">
      <c r="A21" s="11" t="s">
        <v>13</v>
      </c>
      <c r="B21" s="11" t="s">
        <v>1298</v>
      </c>
      <c r="C21" s="12" t="s">
        <v>55</v>
      </c>
      <c r="D21" s="11" t="s">
        <v>1299</v>
      </c>
      <c r="E21" s="69">
        <v>45950</v>
      </c>
      <c r="F21" s="69">
        <v>45950</v>
      </c>
      <c r="G21" s="50" t="s">
        <v>1300</v>
      </c>
      <c r="H21" s="50" t="s">
        <v>1301</v>
      </c>
      <c r="I21" s="89" t="s">
        <v>1300</v>
      </c>
      <c r="J21" s="50" t="s">
        <v>1268</v>
      </c>
      <c r="K21" s="50" t="s">
        <v>61</v>
      </c>
      <c r="L21" s="70" t="s">
        <v>85</v>
      </c>
      <c r="M21" s="50" t="s">
        <v>1300</v>
      </c>
      <c r="N21" s="159" t="s">
        <v>1302</v>
      </c>
    </row>
    <row r="22" spans="1:14" s="68" customFormat="1" ht="210.6" x14ac:dyDescent="0.2">
      <c r="A22" s="11" t="s">
        <v>1225</v>
      </c>
      <c r="B22" s="11" t="s">
        <v>1255</v>
      </c>
      <c r="C22" s="12" t="s">
        <v>99</v>
      </c>
      <c r="D22" s="11" t="s">
        <v>2152</v>
      </c>
      <c r="E22" s="69">
        <v>45952</v>
      </c>
      <c r="F22" s="69">
        <v>45952</v>
      </c>
      <c r="G22" s="50" t="s">
        <v>1253</v>
      </c>
      <c r="H22" s="50" t="s">
        <v>1228</v>
      </c>
      <c r="I22" s="50" t="s">
        <v>1229</v>
      </c>
      <c r="J22" s="50" t="s">
        <v>1222</v>
      </c>
      <c r="K22" s="50" t="s">
        <v>61</v>
      </c>
      <c r="L22" s="70" t="s">
        <v>85</v>
      </c>
      <c r="M22" s="50" t="s">
        <v>1229</v>
      </c>
      <c r="N22" s="159" t="s">
        <v>1254</v>
      </c>
    </row>
    <row r="23" spans="1:14" s="68" customFormat="1" ht="210.6" x14ac:dyDescent="0.2">
      <c r="A23" s="11" t="s">
        <v>1225</v>
      </c>
      <c r="B23" s="11" t="s">
        <v>1246</v>
      </c>
      <c r="C23" s="12" t="s">
        <v>99</v>
      </c>
      <c r="D23" s="11" t="s">
        <v>2153</v>
      </c>
      <c r="E23" s="69">
        <v>45955</v>
      </c>
      <c r="F23" s="69">
        <v>45955</v>
      </c>
      <c r="G23" s="50" t="s">
        <v>1238</v>
      </c>
      <c r="H23" s="50" t="s">
        <v>1239</v>
      </c>
      <c r="I23" s="50" t="s">
        <v>1229</v>
      </c>
      <c r="J23" s="50" t="s">
        <v>1247</v>
      </c>
      <c r="K23" s="50" t="s">
        <v>61</v>
      </c>
      <c r="L23" s="70" t="s">
        <v>62</v>
      </c>
      <c r="M23" s="50" t="s">
        <v>1231</v>
      </c>
      <c r="N23" s="170" t="s">
        <v>1243</v>
      </c>
    </row>
    <row r="24" spans="1:14" s="68" customFormat="1" ht="66" x14ac:dyDescent="0.2">
      <c r="A24" s="11" t="s">
        <v>13</v>
      </c>
      <c r="B24" s="11" t="s">
        <v>1287</v>
      </c>
      <c r="C24" s="12" t="s">
        <v>55</v>
      </c>
      <c r="D24" s="11" t="s">
        <v>1277</v>
      </c>
      <c r="E24" s="69">
        <v>45955</v>
      </c>
      <c r="F24" s="69">
        <v>45955</v>
      </c>
      <c r="G24" s="50" t="s">
        <v>1288</v>
      </c>
      <c r="H24" s="50" t="s">
        <v>1289</v>
      </c>
      <c r="I24" s="49" t="s">
        <v>1259</v>
      </c>
      <c r="J24" s="50" t="s">
        <v>1290</v>
      </c>
      <c r="K24" s="50" t="s">
        <v>61</v>
      </c>
      <c r="L24" s="70" t="s">
        <v>85</v>
      </c>
      <c r="M24" s="49" t="s">
        <v>1259</v>
      </c>
      <c r="N24" s="170" t="s">
        <v>1281</v>
      </c>
    </row>
    <row r="25" spans="1:14" s="68" customFormat="1" ht="210.6" x14ac:dyDescent="0.2">
      <c r="A25" s="11" t="s">
        <v>1225</v>
      </c>
      <c r="B25" s="11" t="s">
        <v>1241</v>
      </c>
      <c r="C25" s="12" t="s">
        <v>99</v>
      </c>
      <c r="D25" s="11" t="s">
        <v>2154</v>
      </c>
      <c r="E25" s="69">
        <v>45955</v>
      </c>
      <c r="F25" s="69">
        <v>45956</v>
      </c>
      <c r="G25" s="50" t="s">
        <v>1227</v>
      </c>
      <c r="H25" s="50" t="s">
        <v>1228</v>
      </c>
      <c r="I25" s="50" t="s">
        <v>1229</v>
      </c>
      <c r="J25" s="50" t="s">
        <v>1242</v>
      </c>
      <c r="K25" s="50" t="s">
        <v>61</v>
      </c>
      <c r="L25" s="70" t="s">
        <v>62</v>
      </c>
      <c r="M25" s="50" t="s">
        <v>1231</v>
      </c>
      <c r="N25" s="170" t="s">
        <v>1243</v>
      </c>
    </row>
    <row r="26" spans="1:14" s="68" customFormat="1" ht="52.8" x14ac:dyDescent="0.2">
      <c r="A26" s="11" t="s">
        <v>13</v>
      </c>
      <c r="B26" s="11" t="s">
        <v>1257</v>
      </c>
      <c r="C26" s="12" t="s">
        <v>55</v>
      </c>
      <c r="D26" s="11" t="s">
        <v>1258</v>
      </c>
      <c r="E26" s="69">
        <v>45957</v>
      </c>
      <c r="F26" s="69">
        <v>45957</v>
      </c>
      <c r="G26" s="50" t="s">
        <v>1259</v>
      </c>
      <c r="H26" s="50" t="s">
        <v>1260</v>
      </c>
      <c r="I26" s="49" t="s">
        <v>1259</v>
      </c>
      <c r="J26" s="50" t="s">
        <v>1261</v>
      </c>
      <c r="K26" s="50" t="s">
        <v>61</v>
      </c>
      <c r="L26" s="70" t="s">
        <v>62</v>
      </c>
      <c r="M26" s="50" t="s">
        <v>1262</v>
      </c>
      <c r="N26" s="170" t="s">
        <v>1263</v>
      </c>
    </row>
    <row r="27" spans="1:14" s="68" customFormat="1" ht="81" x14ac:dyDescent="0.2">
      <c r="A27" s="11" t="s">
        <v>13</v>
      </c>
      <c r="B27" s="11" t="s">
        <v>2155</v>
      </c>
      <c r="C27" s="12" t="s">
        <v>55</v>
      </c>
      <c r="D27" s="11" t="s">
        <v>1275</v>
      </c>
      <c r="E27" s="69">
        <v>45960</v>
      </c>
      <c r="F27" s="69">
        <v>45960</v>
      </c>
      <c r="G27" s="50" t="s">
        <v>1266</v>
      </c>
      <c r="H27" s="50" t="s">
        <v>1267</v>
      </c>
      <c r="I27" s="49" t="s">
        <v>1259</v>
      </c>
      <c r="J27" s="50" t="s">
        <v>1268</v>
      </c>
      <c r="K27" s="50" t="s">
        <v>61</v>
      </c>
      <c r="L27" s="70" t="s">
        <v>85</v>
      </c>
      <c r="M27" s="50" t="s">
        <v>1266</v>
      </c>
      <c r="N27" s="170" t="s">
        <v>1269</v>
      </c>
    </row>
    <row r="28" spans="1:14" s="68" customFormat="1" ht="52.8" x14ac:dyDescent="0.2">
      <c r="A28" s="11" t="s">
        <v>13</v>
      </c>
      <c r="B28" s="11" t="s">
        <v>1291</v>
      </c>
      <c r="C28" s="12" t="s">
        <v>55</v>
      </c>
      <c r="D28" s="11" t="s">
        <v>1277</v>
      </c>
      <c r="E28" s="69">
        <v>45962</v>
      </c>
      <c r="F28" s="69">
        <v>45962</v>
      </c>
      <c r="G28" s="50" t="s">
        <v>1292</v>
      </c>
      <c r="H28" s="50" t="s">
        <v>1293</v>
      </c>
      <c r="I28" s="49" t="s">
        <v>1259</v>
      </c>
      <c r="J28" s="50" t="s">
        <v>1294</v>
      </c>
      <c r="K28" s="50" t="s">
        <v>61</v>
      </c>
      <c r="L28" s="70" t="s">
        <v>85</v>
      </c>
      <c r="M28" s="49" t="s">
        <v>1259</v>
      </c>
      <c r="N28" s="170" t="s">
        <v>1281</v>
      </c>
    </row>
    <row r="29" spans="1:14" s="68" customFormat="1" ht="210.6" x14ac:dyDescent="0.2">
      <c r="A29" s="11" t="s">
        <v>1225</v>
      </c>
      <c r="B29" s="11" t="s">
        <v>1248</v>
      </c>
      <c r="C29" s="12" t="s">
        <v>99</v>
      </c>
      <c r="D29" s="11" t="s">
        <v>2156</v>
      </c>
      <c r="E29" s="69">
        <v>45963</v>
      </c>
      <c r="F29" s="69">
        <v>45964</v>
      </c>
      <c r="G29" s="50" t="s">
        <v>1238</v>
      </c>
      <c r="H29" s="50" t="s">
        <v>1239</v>
      </c>
      <c r="I29" s="50" t="s">
        <v>1229</v>
      </c>
      <c r="J29" s="50" t="s">
        <v>1249</v>
      </c>
      <c r="K29" s="50" t="s">
        <v>61</v>
      </c>
      <c r="L29" s="70" t="s">
        <v>62</v>
      </c>
      <c r="M29" s="50" t="s">
        <v>1231</v>
      </c>
      <c r="N29" s="170" t="s">
        <v>1243</v>
      </c>
    </row>
    <row r="30" spans="1:14" s="68" customFormat="1" ht="210.6" x14ac:dyDescent="0.2">
      <c r="A30" s="11" t="s">
        <v>1225</v>
      </c>
      <c r="B30" s="11" t="s">
        <v>1250</v>
      </c>
      <c r="C30" s="12" t="s">
        <v>99</v>
      </c>
      <c r="D30" s="11" t="s">
        <v>2157</v>
      </c>
      <c r="E30" s="69">
        <v>45963</v>
      </c>
      <c r="F30" s="69">
        <v>45964</v>
      </c>
      <c r="G30" s="50" t="s">
        <v>1251</v>
      </c>
      <c r="H30" s="50" t="s">
        <v>1239</v>
      </c>
      <c r="I30" s="50" t="s">
        <v>1229</v>
      </c>
      <c r="J30" s="50" t="s">
        <v>1247</v>
      </c>
      <c r="K30" s="50" t="s">
        <v>61</v>
      </c>
      <c r="L30" s="70" t="s">
        <v>62</v>
      </c>
      <c r="M30" s="50" t="s">
        <v>1231</v>
      </c>
      <c r="N30" s="159" t="s">
        <v>1243</v>
      </c>
    </row>
    <row r="31" spans="1:14" s="68" customFormat="1" ht="210.6" x14ac:dyDescent="0.2">
      <c r="A31" s="11" t="s">
        <v>1225</v>
      </c>
      <c r="B31" s="11" t="s">
        <v>1244</v>
      </c>
      <c r="C31" s="12" t="s">
        <v>99</v>
      </c>
      <c r="D31" s="11" t="s">
        <v>2158</v>
      </c>
      <c r="E31" s="69">
        <v>45966</v>
      </c>
      <c r="F31" s="69">
        <v>45970</v>
      </c>
      <c r="G31" s="50" t="s">
        <v>1227</v>
      </c>
      <c r="H31" s="50" t="s">
        <v>1228</v>
      </c>
      <c r="I31" s="50" t="s">
        <v>1229</v>
      </c>
      <c r="J31" s="50" t="s">
        <v>1242</v>
      </c>
      <c r="K31" s="50" t="s">
        <v>61</v>
      </c>
      <c r="L31" s="70" t="s">
        <v>62</v>
      </c>
      <c r="M31" s="50" t="s">
        <v>1231</v>
      </c>
      <c r="N31" s="159" t="s">
        <v>1243</v>
      </c>
    </row>
    <row r="32" spans="1:14" s="68" customFormat="1" ht="52.8" x14ac:dyDescent="0.2">
      <c r="A32" s="11" t="s">
        <v>13</v>
      </c>
      <c r="B32" s="11" t="s">
        <v>1276</v>
      </c>
      <c r="C32" s="12" t="s">
        <v>55</v>
      </c>
      <c r="D32" s="11" t="s">
        <v>1277</v>
      </c>
      <c r="E32" s="69">
        <v>45967</v>
      </c>
      <c r="F32" s="69">
        <v>45967</v>
      </c>
      <c r="G32" s="50" t="s">
        <v>1278</v>
      </c>
      <c r="H32" s="50" t="s">
        <v>1279</v>
      </c>
      <c r="I32" s="49" t="s">
        <v>1259</v>
      </c>
      <c r="J32" s="50" t="s">
        <v>1282</v>
      </c>
      <c r="K32" s="50" t="s">
        <v>61</v>
      </c>
      <c r="L32" s="70" t="s">
        <v>85</v>
      </c>
      <c r="M32" s="49" t="s">
        <v>1259</v>
      </c>
      <c r="N32" s="159" t="s">
        <v>1281</v>
      </c>
    </row>
    <row r="33" spans="1:14" s="68" customFormat="1" ht="52.8" x14ac:dyDescent="0.2">
      <c r="A33" s="11" t="s">
        <v>13</v>
      </c>
      <c r="B33" s="11" t="s">
        <v>1283</v>
      </c>
      <c r="C33" s="12" t="s">
        <v>55</v>
      </c>
      <c r="D33" s="11" t="s">
        <v>1277</v>
      </c>
      <c r="E33" s="69">
        <v>45969</v>
      </c>
      <c r="F33" s="69">
        <v>45969</v>
      </c>
      <c r="G33" s="50" t="s">
        <v>1259</v>
      </c>
      <c r="H33" s="50" t="s">
        <v>1279</v>
      </c>
      <c r="I33" s="49" t="s">
        <v>1259</v>
      </c>
      <c r="J33" s="50" t="s">
        <v>1284</v>
      </c>
      <c r="K33" s="50" t="s">
        <v>61</v>
      </c>
      <c r="L33" s="70" t="s">
        <v>85</v>
      </c>
      <c r="M33" s="49" t="s">
        <v>1259</v>
      </c>
      <c r="N33" s="159" t="s">
        <v>1281</v>
      </c>
    </row>
    <row r="34" spans="1:14" s="68" customFormat="1" ht="210.6" x14ac:dyDescent="0.2">
      <c r="A34" s="11" t="s">
        <v>1225</v>
      </c>
      <c r="B34" s="11" t="s">
        <v>1256</v>
      </c>
      <c r="C34" s="12" t="s">
        <v>99</v>
      </c>
      <c r="D34" s="11" t="s">
        <v>2159</v>
      </c>
      <c r="E34" s="69">
        <v>45972</v>
      </c>
      <c r="F34" s="69">
        <v>45972</v>
      </c>
      <c r="G34" s="50" t="s">
        <v>1253</v>
      </c>
      <c r="H34" s="50" t="s">
        <v>1228</v>
      </c>
      <c r="I34" s="50" t="s">
        <v>1229</v>
      </c>
      <c r="J34" s="50" t="s">
        <v>1222</v>
      </c>
      <c r="K34" s="50" t="s">
        <v>61</v>
      </c>
      <c r="L34" s="70" t="s">
        <v>85</v>
      </c>
      <c r="M34" s="50" t="s">
        <v>1229</v>
      </c>
      <c r="N34" s="159" t="s">
        <v>1254</v>
      </c>
    </row>
    <row r="35" spans="1:14" s="68" customFormat="1" ht="210.6" x14ac:dyDescent="0.2">
      <c r="A35" s="11" t="s">
        <v>1225</v>
      </c>
      <c r="B35" s="11" t="s">
        <v>1237</v>
      </c>
      <c r="C35" s="12" t="s">
        <v>99</v>
      </c>
      <c r="D35" s="11" t="s">
        <v>2160</v>
      </c>
      <c r="E35" s="69">
        <v>45976</v>
      </c>
      <c r="F35" s="69">
        <v>45976</v>
      </c>
      <c r="G35" s="50" t="s">
        <v>1238</v>
      </c>
      <c r="H35" s="50" t="s">
        <v>1239</v>
      </c>
      <c r="I35" s="50" t="s">
        <v>1229</v>
      </c>
      <c r="J35" s="50" t="s">
        <v>1240</v>
      </c>
      <c r="K35" s="50" t="s">
        <v>61</v>
      </c>
      <c r="L35" s="70" t="s">
        <v>62</v>
      </c>
      <c r="M35" s="50" t="s">
        <v>1231</v>
      </c>
      <c r="N35" s="159" t="s">
        <v>1232</v>
      </c>
    </row>
    <row r="36" spans="1:14" s="68" customFormat="1" ht="52.8" x14ac:dyDescent="0.2">
      <c r="A36" s="11" t="s">
        <v>13</v>
      </c>
      <c r="B36" s="11" t="s">
        <v>1285</v>
      </c>
      <c r="C36" s="12" t="s">
        <v>55</v>
      </c>
      <c r="D36" s="11" t="s">
        <v>1277</v>
      </c>
      <c r="E36" s="69">
        <v>45976</v>
      </c>
      <c r="F36" s="69">
        <v>45976</v>
      </c>
      <c r="G36" s="50" t="s">
        <v>1259</v>
      </c>
      <c r="H36" s="50" t="s">
        <v>1279</v>
      </c>
      <c r="I36" s="49" t="s">
        <v>1259</v>
      </c>
      <c r="J36" s="50" t="s">
        <v>1286</v>
      </c>
      <c r="K36" s="50" t="s">
        <v>61</v>
      </c>
      <c r="L36" s="70" t="s">
        <v>85</v>
      </c>
      <c r="M36" s="49" t="s">
        <v>1259</v>
      </c>
      <c r="N36" s="159" t="s">
        <v>1281</v>
      </c>
    </row>
    <row r="37" spans="1:14" s="68" customFormat="1" ht="210.6" x14ac:dyDescent="0.2">
      <c r="A37" s="11" t="s">
        <v>1225</v>
      </c>
      <c r="B37" s="11" t="s">
        <v>1245</v>
      </c>
      <c r="C37" s="12" t="s">
        <v>99</v>
      </c>
      <c r="D37" s="11" t="s">
        <v>2161</v>
      </c>
      <c r="E37" s="69">
        <v>45976</v>
      </c>
      <c r="F37" s="69">
        <v>45980</v>
      </c>
      <c r="G37" s="50" t="s">
        <v>1227</v>
      </c>
      <c r="H37" s="50" t="s">
        <v>1228</v>
      </c>
      <c r="I37" s="50" t="s">
        <v>1229</v>
      </c>
      <c r="J37" s="50" t="s">
        <v>1242</v>
      </c>
      <c r="K37" s="50" t="s">
        <v>61</v>
      </c>
      <c r="L37" s="70" t="s">
        <v>62</v>
      </c>
      <c r="M37" s="50" t="s">
        <v>1231</v>
      </c>
      <c r="N37" s="159" t="s">
        <v>1243</v>
      </c>
    </row>
    <row r="38" spans="1:14" s="68" customFormat="1" ht="52.8" x14ac:dyDescent="0.2">
      <c r="A38" s="11" t="s">
        <v>13</v>
      </c>
      <c r="B38" s="11" t="s">
        <v>1295</v>
      </c>
      <c r="C38" s="12" t="s">
        <v>55</v>
      </c>
      <c r="D38" s="11" t="s">
        <v>1277</v>
      </c>
      <c r="E38" s="69">
        <v>45977</v>
      </c>
      <c r="F38" s="69">
        <v>45977</v>
      </c>
      <c r="G38" s="50" t="s">
        <v>1292</v>
      </c>
      <c r="H38" s="50" t="s">
        <v>1293</v>
      </c>
      <c r="I38" s="49" t="s">
        <v>1259</v>
      </c>
      <c r="J38" s="50" t="s">
        <v>1290</v>
      </c>
      <c r="K38" s="50" t="s">
        <v>61</v>
      </c>
      <c r="L38" s="70" t="s">
        <v>85</v>
      </c>
      <c r="M38" s="49" t="s">
        <v>1259</v>
      </c>
      <c r="N38" s="159" t="s">
        <v>1281</v>
      </c>
    </row>
    <row r="39" spans="1:14" s="68" customFormat="1" ht="39.6" x14ac:dyDescent="0.2">
      <c r="A39" s="11" t="s">
        <v>13</v>
      </c>
      <c r="B39" s="11" t="s">
        <v>1296</v>
      </c>
      <c r="C39" s="12" t="s">
        <v>55</v>
      </c>
      <c r="D39" s="11" t="s">
        <v>1277</v>
      </c>
      <c r="E39" s="69">
        <v>45978</v>
      </c>
      <c r="F39" s="69">
        <v>45978</v>
      </c>
      <c r="G39" s="50" t="s">
        <v>1297</v>
      </c>
      <c r="H39" s="50" t="s">
        <v>1267</v>
      </c>
      <c r="I39" s="49" t="s">
        <v>1259</v>
      </c>
      <c r="J39" s="50" t="s">
        <v>1294</v>
      </c>
      <c r="K39" s="50" t="s">
        <v>61</v>
      </c>
      <c r="L39" s="70" t="s">
        <v>85</v>
      </c>
      <c r="M39" s="49" t="s">
        <v>1259</v>
      </c>
      <c r="N39" s="159" t="s">
        <v>1281</v>
      </c>
    </row>
    <row r="40" spans="1:14" s="68" customFormat="1" ht="97.2" x14ac:dyDescent="0.2">
      <c r="A40" s="11" t="s">
        <v>13</v>
      </c>
      <c r="B40" s="11" t="s">
        <v>1303</v>
      </c>
      <c r="C40" s="12" t="s">
        <v>55</v>
      </c>
      <c r="D40" s="11" t="s">
        <v>1299</v>
      </c>
      <c r="E40" s="80" t="s">
        <v>1304</v>
      </c>
      <c r="F40" s="80" t="s">
        <v>1304</v>
      </c>
      <c r="G40" s="50" t="s">
        <v>1305</v>
      </c>
      <c r="H40" s="50" t="s">
        <v>1306</v>
      </c>
      <c r="I40" s="89" t="s">
        <v>1300</v>
      </c>
      <c r="J40" s="50" t="s">
        <v>1268</v>
      </c>
      <c r="K40" s="50" t="s">
        <v>61</v>
      </c>
      <c r="L40" s="70" t="s">
        <v>85</v>
      </c>
      <c r="M40" s="50" t="s">
        <v>1300</v>
      </c>
      <c r="N40" s="159" t="s">
        <v>1302</v>
      </c>
    </row>
  </sheetData>
  <mergeCells count="1">
    <mergeCell ref="A1:N1"/>
  </mergeCells>
  <phoneticPr fontId="2"/>
  <dataValidations count="1">
    <dataValidation type="list" allowBlank="1" showInputMessage="1" showErrorMessage="1" sqref="K3:K40">
      <formula1>"有料,無料,その他"</formula1>
    </dataValidation>
  </dataValidations>
  <hyperlinks>
    <hyperlink ref="N3" r:id="rId1"/>
    <hyperlink ref="N4" r:id="rId2"/>
    <hyperlink ref="N5" r:id="rId3"/>
    <hyperlink ref="N6" r:id="rId4"/>
    <hyperlink ref="N7" r:id="rId5"/>
    <hyperlink ref="N8" r:id="rId6"/>
    <hyperlink ref="N9" r:id="rId7"/>
    <hyperlink ref="N10" r:id="rId8"/>
    <hyperlink ref="N11" r:id="rId9"/>
    <hyperlink ref="N12" r:id="rId10"/>
    <hyperlink ref="N13" r:id="rId11"/>
    <hyperlink ref="N14" r:id="rId12"/>
    <hyperlink ref="N15" r:id="rId13"/>
    <hyperlink ref="N16" r:id="rId14"/>
    <hyperlink ref="N17" r:id="rId15"/>
    <hyperlink ref="N18" r:id="rId16"/>
    <hyperlink ref="N19" r:id="rId17"/>
    <hyperlink ref="N20" r:id="rId18"/>
    <hyperlink ref="N21" r:id="rId19"/>
    <hyperlink ref="N22" r:id="rId20"/>
    <hyperlink ref="N23" r:id="rId21"/>
    <hyperlink ref="N24" r:id="rId22"/>
    <hyperlink ref="N25" r:id="rId23"/>
    <hyperlink ref="N26" r:id="rId24"/>
    <hyperlink ref="N27" r:id="rId25"/>
    <hyperlink ref="N28" r:id="rId26"/>
    <hyperlink ref="N29" r:id="rId27"/>
    <hyperlink ref="N30" r:id="rId28"/>
    <hyperlink ref="N31" r:id="rId29"/>
    <hyperlink ref="N32" r:id="rId30"/>
    <hyperlink ref="N33" r:id="rId31"/>
    <hyperlink ref="N34" r:id="rId32"/>
    <hyperlink ref="N35" r:id="rId33"/>
    <hyperlink ref="N36" r:id="rId34"/>
    <hyperlink ref="N37" r:id="rId35"/>
    <hyperlink ref="N38" r:id="rId36"/>
    <hyperlink ref="N39" r:id="rId37"/>
    <hyperlink ref="N40" r:id="rId38"/>
  </hyperlinks>
  <pageMargins left="0.23622047244094491" right="0.23622047244094491" top="0.74803149606299213" bottom="0.74803149606299213" header="0.31496062992125984" footer="0.31496062992125984"/>
  <pageSetup paperSize="9" scale="50" fitToHeight="0" orientation="portrait" r:id="rId39"/>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N106"/>
  <sheetViews>
    <sheetView topLeftCell="M1" zoomScale="80" zoomScaleNormal="80" workbookViewId="0">
      <pane ySplit="2" topLeftCell="A3" activePane="bottomLeft" state="frozen"/>
      <selection activeCell="Q5" sqref="Q5"/>
      <selection pane="bottomLeft" activeCell="E115" sqref="E115"/>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4.3320312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119.4" thickTop="1" x14ac:dyDescent="0.2">
      <c r="A3" s="14" t="s">
        <v>24</v>
      </c>
      <c r="B3" s="14" t="s">
        <v>2142</v>
      </c>
      <c r="C3" s="16" t="s">
        <v>55</v>
      </c>
      <c r="D3" s="14" t="s">
        <v>2143</v>
      </c>
      <c r="E3" s="33">
        <v>45951</v>
      </c>
      <c r="F3" s="33">
        <v>45951</v>
      </c>
      <c r="G3" s="13" t="s">
        <v>2144</v>
      </c>
      <c r="H3" s="13" t="s">
        <v>1532</v>
      </c>
      <c r="I3" s="51" t="s">
        <v>1533</v>
      </c>
      <c r="J3" s="13" t="s">
        <v>2145</v>
      </c>
      <c r="K3" s="13" t="s">
        <v>70</v>
      </c>
      <c r="L3" s="17" t="s">
        <v>62</v>
      </c>
      <c r="M3" s="13" t="s">
        <v>1535</v>
      </c>
      <c r="N3" s="159" t="s">
        <v>2146</v>
      </c>
    </row>
    <row r="4" spans="1:14" s="68" customFormat="1" ht="117" customHeight="1" x14ac:dyDescent="0.2">
      <c r="A4" s="4" t="s">
        <v>24</v>
      </c>
      <c r="B4" s="4" t="s">
        <v>126</v>
      </c>
      <c r="C4" s="7" t="s">
        <v>89</v>
      </c>
      <c r="D4" s="4" t="s">
        <v>127</v>
      </c>
      <c r="E4" s="9">
        <v>45976</v>
      </c>
      <c r="F4" s="9">
        <v>45976</v>
      </c>
      <c r="G4" s="39" t="s">
        <v>128</v>
      </c>
      <c r="H4" s="39" t="s">
        <v>129</v>
      </c>
      <c r="I4" s="39" t="s">
        <v>130</v>
      </c>
      <c r="J4" s="39" t="s">
        <v>131</v>
      </c>
      <c r="K4" s="39" t="s">
        <v>61</v>
      </c>
      <c r="L4" s="10" t="s">
        <v>62</v>
      </c>
      <c r="M4" s="39" t="s">
        <v>132</v>
      </c>
      <c r="N4" s="160"/>
    </row>
    <row r="5" spans="1:14" s="68" customFormat="1" ht="118.8" x14ac:dyDescent="0.2">
      <c r="A5" s="14" t="s">
        <v>24</v>
      </c>
      <c r="B5" s="31" t="s">
        <v>1537</v>
      </c>
      <c r="C5" s="16" t="s">
        <v>600</v>
      </c>
      <c r="D5" s="31" t="s">
        <v>1538</v>
      </c>
      <c r="E5" s="33">
        <v>45977</v>
      </c>
      <c r="F5" s="33">
        <v>45977</v>
      </c>
      <c r="G5" s="40" t="s">
        <v>1539</v>
      </c>
      <c r="H5" s="13" t="s">
        <v>1532</v>
      </c>
      <c r="I5" s="51" t="s">
        <v>1533</v>
      </c>
      <c r="J5" s="13" t="s">
        <v>1540</v>
      </c>
      <c r="K5" s="13" t="s">
        <v>70</v>
      </c>
      <c r="L5" s="17" t="s">
        <v>62</v>
      </c>
      <c r="M5" s="13" t="s">
        <v>1535</v>
      </c>
      <c r="N5" s="161" t="s">
        <v>1536</v>
      </c>
    </row>
    <row r="6" spans="1:14" s="68" customFormat="1" ht="118.8" x14ac:dyDescent="0.2">
      <c r="A6" s="14" t="s">
        <v>24</v>
      </c>
      <c r="B6" s="31" t="s">
        <v>1528</v>
      </c>
      <c r="C6" s="16" t="s">
        <v>600</v>
      </c>
      <c r="D6" s="31" t="s">
        <v>1529</v>
      </c>
      <c r="E6" s="38" t="s">
        <v>1530</v>
      </c>
      <c r="F6" s="38" t="s">
        <v>1530</v>
      </c>
      <c r="G6" s="40" t="s">
        <v>1531</v>
      </c>
      <c r="H6" s="13" t="s">
        <v>1532</v>
      </c>
      <c r="I6" s="51" t="s">
        <v>1533</v>
      </c>
      <c r="J6" s="57" t="s">
        <v>1534</v>
      </c>
      <c r="K6" s="13" t="s">
        <v>70</v>
      </c>
      <c r="L6" s="17" t="s">
        <v>62</v>
      </c>
      <c r="M6" s="13" t="s">
        <v>1535</v>
      </c>
      <c r="N6" s="161" t="s">
        <v>1536</v>
      </c>
    </row>
    <row r="7" spans="1:14" s="68" customFormat="1" ht="186" customHeight="1" x14ac:dyDescent="0.2">
      <c r="A7" s="11" t="s">
        <v>25</v>
      </c>
      <c r="B7" s="11" t="s">
        <v>254</v>
      </c>
      <c r="C7" s="12" t="s">
        <v>55</v>
      </c>
      <c r="D7" s="129" t="s">
        <v>255</v>
      </c>
      <c r="E7" s="130">
        <v>45917</v>
      </c>
      <c r="F7" s="131">
        <v>45978</v>
      </c>
      <c r="G7" s="39" t="s">
        <v>256</v>
      </c>
      <c r="H7" s="24" t="s">
        <v>257</v>
      </c>
      <c r="I7" s="39" t="s">
        <v>258</v>
      </c>
      <c r="J7" s="132" t="s">
        <v>60</v>
      </c>
      <c r="K7" s="132" t="s">
        <v>70</v>
      </c>
      <c r="L7" s="29" t="s">
        <v>62</v>
      </c>
      <c r="M7" s="182" t="s">
        <v>259</v>
      </c>
      <c r="N7" s="159" t="s">
        <v>260</v>
      </c>
    </row>
    <row r="8" spans="1:14" s="68" customFormat="1" ht="186" customHeight="1" x14ac:dyDescent="0.2">
      <c r="A8" s="74" t="s">
        <v>25</v>
      </c>
      <c r="B8" s="74" t="s">
        <v>261</v>
      </c>
      <c r="C8" s="12" t="s">
        <v>55</v>
      </c>
      <c r="D8" s="133" t="s">
        <v>262</v>
      </c>
      <c r="E8" s="134">
        <v>45917</v>
      </c>
      <c r="F8" s="135">
        <v>45978</v>
      </c>
      <c r="G8" s="127" t="s">
        <v>256</v>
      </c>
      <c r="H8" s="182" t="s">
        <v>257</v>
      </c>
      <c r="I8" s="39" t="s">
        <v>258</v>
      </c>
      <c r="J8" s="50" t="s">
        <v>60</v>
      </c>
      <c r="K8" s="50" t="s">
        <v>70</v>
      </c>
      <c r="L8" s="21" t="s">
        <v>62</v>
      </c>
      <c r="M8" s="24" t="s">
        <v>259</v>
      </c>
      <c r="N8" s="170" t="s">
        <v>260</v>
      </c>
    </row>
    <row r="9" spans="1:14" s="68" customFormat="1" ht="251.4" customHeight="1" x14ac:dyDescent="0.2">
      <c r="A9" s="74" t="s">
        <v>25</v>
      </c>
      <c r="B9" s="74" t="s">
        <v>263</v>
      </c>
      <c r="C9" s="12" t="s">
        <v>55</v>
      </c>
      <c r="D9" s="133" t="s">
        <v>264</v>
      </c>
      <c r="E9" s="134">
        <v>45917</v>
      </c>
      <c r="F9" s="134">
        <v>45978</v>
      </c>
      <c r="G9" s="127" t="s">
        <v>256</v>
      </c>
      <c r="H9" s="182" t="s">
        <v>257</v>
      </c>
      <c r="I9" s="39" t="s">
        <v>258</v>
      </c>
      <c r="J9" s="50" t="s">
        <v>60</v>
      </c>
      <c r="K9" s="50" t="s">
        <v>70</v>
      </c>
      <c r="L9" s="21" t="s">
        <v>62</v>
      </c>
      <c r="M9" s="24" t="s">
        <v>259</v>
      </c>
      <c r="N9" s="170" t="s">
        <v>260</v>
      </c>
    </row>
    <row r="10" spans="1:14" s="68" customFormat="1" ht="172.95" customHeight="1" x14ac:dyDescent="0.2">
      <c r="A10" s="11" t="s">
        <v>25</v>
      </c>
      <c r="B10" s="11" t="s">
        <v>265</v>
      </c>
      <c r="C10" s="12" t="s">
        <v>55</v>
      </c>
      <c r="D10" s="129" t="s">
        <v>266</v>
      </c>
      <c r="E10" s="136">
        <v>45917</v>
      </c>
      <c r="F10" s="136">
        <v>45978</v>
      </c>
      <c r="G10" s="39" t="s">
        <v>256</v>
      </c>
      <c r="H10" s="24" t="s">
        <v>257</v>
      </c>
      <c r="I10" s="39" t="s">
        <v>258</v>
      </c>
      <c r="J10" s="50" t="s">
        <v>60</v>
      </c>
      <c r="K10" s="50" t="s">
        <v>70</v>
      </c>
      <c r="L10" s="21" t="s">
        <v>62</v>
      </c>
      <c r="M10" s="24" t="s">
        <v>259</v>
      </c>
      <c r="N10" s="159" t="s">
        <v>260</v>
      </c>
    </row>
    <row r="11" spans="1:14" s="68" customFormat="1" ht="172.95" customHeight="1" x14ac:dyDescent="0.2">
      <c r="A11" s="11" t="s">
        <v>25</v>
      </c>
      <c r="B11" s="11" t="s">
        <v>267</v>
      </c>
      <c r="C11" s="12" t="s">
        <v>55</v>
      </c>
      <c r="D11" s="129" t="s">
        <v>268</v>
      </c>
      <c r="E11" s="136">
        <v>45917</v>
      </c>
      <c r="F11" s="136">
        <v>45978</v>
      </c>
      <c r="G11" s="39" t="s">
        <v>256</v>
      </c>
      <c r="H11" s="24" t="s">
        <v>257</v>
      </c>
      <c r="I11" s="39" t="s">
        <v>258</v>
      </c>
      <c r="J11" s="50" t="s">
        <v>60</v>
      </c>
      <c r="K11" s="50" t="s">
        <v>70</v>
      </c>
      <c r="L11" s="21" t="s">
        <v>62</v>
      </c>
      <c r="M11" s="24" t="s">
        <v>259</v>
      </c>
      <c r="N11" s="159" t="s">
        <v>260</v>
      </c>
    </row>
    <row r="12" spans="1:14" s="68" customFormat="1" ht="172.95" customHeight="1" x14ac:dyDescent="0.2">
      <c r="A12" s="74" t="s">
        <v>25</v>
      </c>
      <c r="B12" s="74" t="s">
        <v>269</v>
      </c>
      <c r="C12" s="12" t="s">
        <v>55</v>
      </c>
      <c r="D12" s="133" t="s">
        <v>270</v>
      </c>
      <c r="E12" s="134">
        <v>45917</v>
      </c>
      <c r="F12" s="134">
        <v>45978</v>
      </c>
      <c r="G12" s="127" t="s">
        <v>256</v>
      </c>
      <c r="H12" s="182" t="s">
        <v>257</v>
      </c>
      <c r="I12" s="39" t="s">
        <v>258</v>
      </c>
      <c r="J12" s="50" t="s">
        <v>60</v>
      </c>
      <c r="K12" s="50" t="s">
        <v>70</v>
      </c>
      <c r="L12" s="21" t="s">
        <v>62</v>
      </c>
      <c r="M12" s="24" t="s">
        <v>259</v>
      </c>
      <c r="N12" s="159" t="s">
        <v>260</v>
      </c>
    </row>
    <row r="13" spans="1:14" s="68" customFormat="1" ht="298.2" customHeight="1" x14ac:dyDescent="0.2">
      <c r="A13" s="74" t="s">
        <v>25</v>
      </c>
      <c r="B13" s="74" t="s">
        <v>271</v>
      </c>
      <c r="C13" s="12" t="s">
        <v>55</v>
      </c>
      <c r="D13" s="133" t="s">
        <v>272</v>
      </c>
      <c r="E13" s="134">
        <v>45917</v>
      </c>
      <c r="F13" s="134">
        <v>45978</v>
      </c>
      <c r="G13" s="127" t="s">
        <v>256</v>
      </c>
      <c r="H13" s="182" t="s">
        <v>257</v>
      </c>
      <c r="I13" s="39" t="s">
        <v>258</v>
      </c>
      <c r="J13" s="50" t="s">
        <v>60</v>
      </c>
      <c r="K13" s="50" t="s">
        <v>70</v>
      </c>
      <c r="L13" s="21" t="s">
        <v>62</v>
      </c>
      <c r="M13" s="24" t="s">
        <v>259</v>
      </c>
      <c r="N13" s="170" t="s">
        <v>260</v>
      </c>
    </row>
    <row r="14" spans="1:14" s="68" customFormat="1" ht="172.95" customHeight="1" x14ac:dyDescent="0.2">
      <c r="A14" s="74" t="s">
        <v>25</v>
      </c>
      <c r="B14" s="74" t="s">
        <v>273</v>
      </c>
      <c r="C14" s="12" t="s">
        <v>55</v>
      </c>
      <c r="D14" s="133" t="s">
        <v>274</v>
      </c>
      <c r="E14" s="137">
        <v>45917</v>
      </c>
      <c r="F14" s="202">
        <v>45978</v>
      </c>
      <c r="G14" s="127" t="s">
        <v>256</v>
      </c>
      <c r="H14" s="182" t="s">
        <v>257</v>
      </c>
      <c r="I14" s="39" t="s">
        <v>258</v>
      </c>
      <c r="J14" s="50" t="s">
        <v>60</v>
      </c>
      <c r="K14" s="50" t="s">
        <v>70</v>
      </c>
      <c r="L14" s="21" t="s">
        <v>62</v>
      </c>
      <c r="M14" s="24" t="s">
        <v>259</v>
      </c>
      <c r="N14" s="159" t="s">
        <v>260</v>
      </c>
    </row>
    <row r="15" spans="1:14" s="68" customFormat="1" ht="113.4" x14ac:dyDescent="0.2">
      <c r="A15" s="11" t="s">
        <v>25</v>
      </c>
      <c r="B15" s="11" t="s">
        <v>275</v>
      </c>
      <c r="C15" s="12" t="s">
        <v>55</v>
      </c>
      <c r="D15" s="129" t="s">
        <v>276</v>
      </c>
      <c r="E15" s="130">
        <v>45917</v>
      </c>
      <c r="F15" s="138">
        <v>45978</v>
      </c>
      <c r="G15" s="39" t="s">
        <v>256</v>
      </c>
      <c r="H15" s="24" t="s">
        <v>257</v>
      </c>
      <c r="I15" s="39" t="s">
        <v>258</v>
      </c>
      <c r="J15" s="50" t="s">
        <v>60</v>
      </c>
      <c r="K15" s="50" t="s">
        <v>70</v>
      </c>
      <c r="L15" s="21" t="s">
        <v>62</v>
      </c>
      <c r="M15" s="24" t="s">
        <v>259</v>
      </c>
      <c r="N15" s="159" t="s">
        <v>260</v>
      </c>
    </row>
    <row r="16" spans="1:14" s="68" customFormat="1" ht="205.95" customHeight="1" x14ac:dyDescent="0.2">
      <c r="A16" s="11" t="s">
        <v>25</v>
      </c>
      <c r="B16" s="11" t="s">
        <v>277</v>
      </c>
      <c r="C16" s="12" t="s">
        <v>55</v>
      </c>
      <c r="D16" s="129" t="s">
        <v>278</v>
      </c>
      <c r="E16" s="136">
        <v>45917</v>
      </c>
      <c r="F16" s="136">
        <v>45978</v>
      </c>
      <c r="G16" s="39" t="s">
        <v>256</v>
      </c>
      <c r="H16" s="24" t="s">
        <v>257</v>
      </c>
      <c r="I16" s="39" t="s">
        <v>258</v>
      </c>
      <c r="J16" s="132" t="s">
        <v>60</v>
      </c>
      <c r="K16" s="132" t="s">
        <v>70</v>
      </c>
      <c r="L16" s="29" t="s">
        <v>62</v>
      </c>
      <c r="M16" s="182" t="s">
        <v>259</v>
      </c>
      <c r="N16" s="159" t="s">
        <v>260</v>
      </c>
    </row>
    <row r="17" spans="1:14" s="68" customFormat="1" ht="211.2" x14ac:dyDescent="0.2">
      <c r="A17" s="11" t="s">
        <v>25</v>
      </c>
      <c r="B17" s="11" t="s">
        <v>279</v>
      </c>
      <c r="C17" s="12" t="s">
        <v>55</v>
      </c>
      <c r="D17" s="129" t="s">
        <v>280</v>
      </c>
      <c r="E17" s="130">
        <v>45917</v>
      </c>
      <c r="F17" s="130">
        <v>45978</v>
      </c>
      <c r="G17" s="39" t="s">
        <v>256</v>
      </c>
      <c r="H17" s="24" t="s">
        <v>257</v>
      </c>
      <c r="I17" s="39" t="s">
        <v>258</v>
      </c>
      <c r="J17" s="50" t="s">
        <v>60</v>
      </c>
      <c r="K17" s="50" t="s">
        <v>70</v>
      </c>
      <c r="L17" s="21" t="s">
        <v>62</v>
      </c>
      <c r="M17" s="24" t="s">
        <v>259</v>
      </c>
      <c r="N17" s="159" t="s">
        <v>260</v>
      </c>
    </row>
    <row r="18" spans="1:14" s="68" customFormat="1" ht="171.6" customHeight="1" x14ac:dyDescent="0.2">
      <c r="A18" s="74" t="s">
        <v>25</v>
      </c>
      <c r="B18" s="74" t="s">
        <v>281</v>
      </c>
      <c r="C18" s="12" t="s">
        <v>55</v>
      </c>
      <c r="D18" s="133" t="s">
        <v>282</v>
      </c>
      <c r="E18" s="137">
        <v>45917</v>
      </c>
      <c r="F18" s="202">
        <v>45978</v>
      </c>
      <c r="G18" s="127" t="s">
        <v>256</v>
      </c>
      <c r="H18" s="182" t="s">
        <v>257</v>
      </c>
      <c r="I18" s="39" t="s">
        <v>258</v>
      </c>
      <c r="J18" s="50" t="s">
        <v>60</v>
      </c>
      <c r="K18" s="50" t="s">
        <v>70</v>
      </c>
      <c r="L18" s="21" t="s">
        <v>62</v>
      </c>
      <c r="M18" s="24" t="s">
        <v>259</v>
      </c>
      <c r="N18" s="159" t="s">
        <v>260</v>
      </c>
    </row>
    <row r="19" spans="1:14" s="68" customFormat="1" ht="262.95" customHeight="1" x14ac:dyDescent="0.2">
      <c r="A19" s="74" t="s">
        <v>25</v>
      </c>
      <c r="B19" s="74" t="s">
        <v>283</v>
      </c>
      <c r="C19" s="12" t="s">
        <v>55</v>
      </c>
      <c r="D19" s="133" t="s">
        <v>284</v>
      </c>
      <c r="E19" s="134">
        <v>45917</v>
      </c>
      <c r="F19" s="134">
        <v>45978</v>
      </c>
      <c r="G19" s="39" t="s">
        <v>256</v>
      </c>
      <c r="H19" s="182" t="s">
        <v>257</v>
      </c>
      <c r="I19" s="39" t="s">
        <v>258</v>
      </c>
      <c r="J19" s="132" t="s">
        <v>60</v>
      </c>
      <c r="K19" s="50" t="s">
        <v>70</v>
      </c>
      <c r="L19" s="21" t="s">
        <v>62</v>
      </c>
      <c r="M19" s="24" t="s">
        <v>259</v>
      </c>
      <c r="N19" s="159" t="s">
        <v>260</v>
      </c>
    </row>
    <row r="20" spans="1:14" s="68" customFormat="1" ht="208.2" customHeight="1" x14ac:dyDescent="0.2">
      <c r="A20" s="74" t="s">
        <v>25</v>
      </c>
      <c r="B20" s="74" t="s">
        <v>285</v>
      </c>
      <c r="C20" s="12" t="s">
        <v>55</v>
      </c>
      <c r="D20" s="133" t="s">
        <v>286</v>
      </c>
      <c r="E20" s="134">
        <v>45917</v>
      </c>
      <c r="F20" s="134">
        <v>45978</v>
      </c>
      <c r="G20" s="127" t="s">
        <v>256</v>
      </c>
      <c r="H20" s="182" t="s">
        <v>257</v>
      </c>
      <c r="I20" s="39" t="s">
        <v>258</v>
      </c>
      <c r="J20" s="50" t="s">
        <v>60</v>
      </c>
      <c r="K20" s="50" t="s">
        <v>70</v>
      </c>
      <c r="L20" s="21" t="s">
        <v>62</v>
      </c>
      <c r="M20" s="182" t="s">
        <v>259</v>
      </c>
      <c r="N20" s="159" t="s">
        <v>260</v>
      </c>
    </row>
    <row r="21" spans="1:14" s="68" customFormat="1" ht="199.2" customHeight="1" x14ac:dyDescent="0.2">
      <c r="A21" s="11" t="s">
        <v>25</v>
      </c>
      <c r="B21" s="11" t="s">
        <v>287</v>
      </c>
      <c r="C21" s="12" t="s">
        <v>55</v>
      </c>
      <c r="D21" s="129" t="s">
        <v>288</v>
      </c>
      <c r="E21" s="130">
        <v>45917</v>
      </c>
      <c r="F21" s="138">
        <v>45978</v>
      </c>
      <c r="G21" s="39" t="s">
        <v>256</v>
      </c>
      <c r="H21" s="24" t="s">
        <v>257</v>
      </c>
      <c r="I21" s="39" t="s">
        <v>258</v>
      </c>
      <c r="J21" s="50" t="s">
        <v>60</v>
      </c>
      <c r="K21" s="50" t="s">
        <v>70</v>
      </c>
      <c r="L21" s="21" t="s">
        <v>62</v>
      </c>
      <c r="M21" s="24" t="s">
        <v>259</v>
      </c>
      <c r="N21" s="159" t="s">
        <v>260</v>
      </c>
    </row>
    <row r="22" spans="1:14" s="68" customFormat="1" ht="156.6" customHeight="1" x14ac:dyDescent="0.2">
      <c r="A22" s="11" t="s">
        <v>25</v>
      </c>
      <c r="B22" s="11" t="s">
        <v>289</v>
      </c>
      <c r="C22" s="12" t="s">
        <v>55</v>
      </c>
      <c r="D22" s="129" t="s">
        <v>290</v>
      </c>
      <c r="E22" s="130">
        <v>45917</v>
      </c>
      <c r="F22" s="203">
        <v>45978</v>
      </c>
      <c r="G22" s="39" t="s">
        <v>256</v>
      </c>
      <c r="H22" s="24" t="s">
        <v>257</v>
      </c>
      <c r="I22" s="39" t="s">
        <v>258</v>
      </c>
      <c r="J22" s="50" t="s">
        <v>60</v>
      </c>
      <c r="K22" s="50" t="s">
        <v>70</v>
      </c>
      <c r="L22" s="21" t="s">
        <v>62</v>
      </c>
      <c r="M22" s="24" t="s">
        <v>259</v>
      </c>
      <c r="N22" s="159" t="s">
        <v>260</v>
      </c>
    </row>
    <row r="23" spans="1:14" s="68" customFormat="1" ht="259.95" customHeight="1" x14ac:dyDescent="0.2">
      <c r="A23" s="74" t="s">
        <v>25</v>
      </c>
      <c r="B23" s="11" t="s">
        <v>291</v>
      </c>
      <c r="C23" s="12" t="s">
        <v>55</v>
      </c>
      <c r="D23" s="129" t="s">
        <v>292</v>
      </c>
      <c r="E23" s="134">
        <v>45917</v>
      </c>
      <c r="F23" s="135">
        <v>45978</v>
      </c>
      <c r="G23" s="127" t="s">
        <v>256</v>
      </c>
      <c r="H23" s="182" t="s">
        <v>257</v>
      </c>
      <c r="I23" s="39" t="s">
        <v>258</v>
      </c>
      <c r="J23" s="50" t="s">
        <v>60</v>
      </c>
      <c r="K23" s="50" t="s">
        <v>70</v>
      </c>
      <c r="L23" s="21" t="s">
        <v>62</v>
      </c>
      <c r="M23" s="24" t="s">
        <v>259</v>
      </c>
      <c r="N23" s="170" t="s">
        <v>260</v>
      </c>
    </row>
    <row r="24" spans="1:14" s="68" customFormat="1" ht="209.4" customHeight="1" x14ac:dyDescent="0.2">
      <c r="A24" s="11" t="s">
        <v>25</v>
      </c>
      <c r="B24" s="11" t="s">
        <v>293</v>
      </c>
      <c r="C24" s="12" t="s">
        <v>55</v>
      </c>
      <c r="D24" s="129" t="s">
        <v>294</v>
      </c>
      <c r="E24" s="130">
        <v>45917</v>
      </c>
      <c r="F24" s="131">
        <v>45978</v>
      </c>
      <c r="G24" s="39" t="s">
        <v>256</v>
      </c>
      <c r="H24" s="24" t="s">
        <v>257</v>
      </c>
      <c r="I24" s="39" t="s">
        <v>258</v>
      </c>
      <c r="J24" s="50" t="s">
        <v>60</v>
      </c>
      <c r="K24" s="50" t="s">
        <v>70</v>
      </c>
      <c r="L24" s="21" t="s">
        <v>62</v>
      </c>
      <c r="M24" s="24" t="s">
        <v>259</v>
      </c>
      <c r="N24" s="159" t="s">
        <v>260</v>
      </c>
    </row>
    <row r="25" spans="1:14" s="68" customFormat="1" ht="168.6" customHeight="1" x14ac:dyDescent="0.2">
      <c r="A25" s="11" t="s">
        <v>25</v>
      </c>
      <c r="B25" s="11" t="s">
        <v>295</v>
      </c>
      <c r="C25" s="12" t="s">
        <v>55</v>
      </c>
      <c r="D25" s="129" t="s">
        <v>296</v>
      </c>
      <c r="E25" s="136">
        <v>45917</v>
      </c>
      <c r="F25" s="139">
        <v>45978</v>
      </c>
      <c r="G25" s="39" t="s">
        <v>256</v>
      </c>
      <c r="H25" s="24" t="s">
        <v>257</v>
      </c>
      <c r="I25" s="39" t="s">
        <v>258</v>
      </c>
      <c r="J25" s="132" t="s">
        <v>60</v>
      </c>
      <c r="K25" s="132" t="s">
        <v>70</v>
      </c>
      <c r="L25" s="29" t="s">
        <v>62</v>
      </c>
      <c r="M25" s="182" t="s">
        <v>259</v>
      </c>
      <c r="N25" s="159" t="s">
        <v>260</v>
      </c>
    </row>
    <row r="26" spans="1:14" s="68" customFormat="1" ht="169.95" customHeight="1" x14ac:dyDescent="0.2">
      <c r="A26" s="11" t="s">
        <v>25</v>
      </c>
      <c r="B26" s="11" t="s">
        <v>297</v>
      </c>
      <c r="C26" s="12" t="s">
        <v>55</v>
      </c>
      <c r="D26" s="129" t="s">
        <v>298</v>
      </c>
      <c r="E26" s="130">
        <v>45917</v>
      </c>
      <c r="F26" s="138">
        <v>45978</v>
      </c>
      <c r="G26" s="39" t="s">
        <v>256</v>
      </c>
      <c r="H26" s="24" t="s">
        <v>257</v>
      </c>
      <c r="I26" s="39" t="s">
        <v>258</v>
      </c>
      <c r="J26" s="50" t="s">
        <v>60</v>
      </c>
      <c r="K26" s="50" t="s">
        <v>70</v>
      </c>
      <c r="L26" s="21" t="s">
        <v>62</v>
      </c>
      <c r="M26" s="24" t="s">
        <v>259</v>
      </c>
      <c r="N26" s="159" t="s">
        <v>260</v>
      </c>
    </row>
    <row r="27" spans="1:14" s="68" customFormat="1" ht="146.4" customHeight="1" x14ac:dyDescent="0.2">
      <c r="A27" s="11" t="s">
        <v>25</v>
      </c>
      <c r="B27" s="11" t="s">
        <v>299</v>
      </c>
      <c r="C27" s="12" t="s">
        <v>55</v>
      </c>
      <c r="D27" s="129" t="s">
        <v>300</v>
      </c>
      <c r="E27" s="130">
        <v>45917</v>
      </c>
      <c r="F27" s="138">
        <v>45978</v>
      </c>
      <c r="G27" s="39" t="s">
        <v>256</v>
      </c>
      <c r="H27" s="24" t="s">
        <v>257</v>
      </c>
      <c r="I27" s="39" t="s">
        <v>258</v>
      </c>
      <c r="J27" s="50" t="s">
        <v>60</v>
      </c>
      <c r="K27" s="50" t="s">
        <v>70</v>
      </c>
      <c r="L27" s="21" t="s">
        <v>62</v>
      </c>
      <c r="M27" s="24" t="s">
        <v>259</v>
      </c>
      <c r="N27" s="159" t="s">
        <v>260</v>
      </c>
    </row>
    <row r="28" spans="1:14" s="68" customFormat="1" ht="234" customHeight="1" x14ac:dyDescent="0.2">
      <c r="A28" s="11" t="s">
        <v>25</v>
      </c>
      <c r="B28" s="11" t="s">
        <v>301</v>
      </c>
      <c r="C28" s="12" t="s">
        <v>55</v>
      </c>
      <c r="D28" s="204" t="s">
        <v>302</v>
      </c>
      <c r="E28" s="130">
        <v>45917</v>
      </c>
      <c r="F28" s="138">
        <v>45978</v>
      </c>
      <c r="G28" s="39" t="s">
        <v>256</v>
      </c>
      <c r="H28" s="24" t="s">
        <v>257</v>
      </c>
      <c r="I28" s="39" t="s">
        <v>258</v>
      </c>
      <c r="J28" s="50" t="s">
        <v>60</v>
      </c>
      <c r="K28" s="50" t="s">
        <v>70</v>
      </c>
      <c r="L28" s="21" t="s">
        <v>62</v>
      </c>
      <c r="M28" s="24" t="s">
        <v>259</v>
      </c>
      <c r="N28" s="159" t="s">
        <v>260</v>
      </c>
    </row>
    <row r="29" spans="1:14" s="68" customFormat="1" ht="211.2" x14ac:dyDescent="0.2">
      <c r="A29" s="11" t="s">
        <v>25</v>
      </c>
      <c r="B29" s="11" t="s">
        <v>303</v>
      </c>
      <c r="C29" s="12" t="s">
        <v>55</v>
      </c>
      <c r="D29" s="129" t="s">
        <v>304</v>
      </c>
      <c r="E29" s="130">
        <v>45917</v>
      </c>
      <c r="F29" s="138">
        <v>45978</v>
      </c>
      <c r="G29" s="39" t="s">
        <v>256</v>
      </c>
      <c r="H29" s="24" t="s">
        <v>257</v>
      </c>
      <c r="I29" s="39" t="s">
        <v>258</v>
      </c>
      <c r="J29" s="50" t="s">
        <v>60</v>
      </c>
      <c r="K29" s="50" t="s">
        <v>70</v>
      </c>
      <c r="L29" s="21" t="s">
        <v>62</v>
      </c>
      <c r="M29" s="24" t="s">
        <v>259</v>
      </c>
      <c r="N29" s="159" t="s">
        <v>260</v>
      </c>
    </row>
    <row r="30" spans="1:14" s="68" customFormat="1" ht="241.95" customHeight="1" x14ac:dyDescent="0.2">
      <c r="A30" s="11" t="s">
        <v>25</v>
      </c>
      <c r="B30" s="11" t="s">
        <v>305</v>
      </c>
      <c r="C30" s="12" t="s">
        <v>55</v>
      </c>
      <c r="D30" s="129" t="s">
        <v>306</v>
      </c>
      <c r="E30" s="136">
        <v>45917</v>
      </c>
      <c r="F30" s="139">
        <v>45978</v>
      </c>
      <c r="G30" s="39" t="s">
        <v>256</v>
      </c>
      <c r="H30" s="24" t="s">
        <v>257</v>
      </c>
      <c r="I30" s="39" t="s">
        <v>258</v>
      </c>
      <c r="J30" s="50" t="s">
        <v>60</v>
      </c>
      <c r="K30" s="50" t="s">
        <v>70</v>
      </c>
      <c r="L30" s="21" t="s">
        <v>62</v>
      </c>
      <c r="M30" s="24" t="s">
        <v>259</v>
      </c>
      <c r="N30" s="159" t="s">
        <v>260</v>
      </c>
    </row>
    <row r="31" spans="1:14" s="68" customFormat="1" ht="263.39999999999998" customHeight="1" x14ac:dyDescent="0.2">
      <c r="A31" s="11" t="s">
        <v>25</v>
      </c>
      <c r="B31" s="11" t="s">
        <v>307</v>
      </c>
      <c r="C31" s="12" t="s">
        <v>55</v>
      </c>
      <c r="D31" s="129" t="s">
        <v>308</v>
      </c>
      <c r="E31" s="130">
        <v>45917</v>
      </c>
      <c r="F31" s="203">
        <v>45978</v>
      </c>
      <c r="G31" s="39" t="s">
        <v>256</v>
      </c>
      <c r="H31" s="24" t="s">
        <v>257</v>
      </c>
      <c r="I31" s="39" t="s">
        <v>258</v>
      </c>
      <c r="J31" s="50" t="s">
        <v>60</v>
      </c>
      <c r="K31" s="50" t="s">
        <v>70</v>
      </c>
      <c r="L31" s="21" t="s">
        <v>62</v>
      </c>
      <c r="M31" s="24" t="s">
        <v>259</v>
      </c>
      <c r="N31" s="159" t="s">
        <v>260</v>
      </c>
    </row>
    <row r="32" spans="1:14" s="68" customFormat="1" ht="199.95" customHeight="1" x14ac:dyDescent="0.2">
      <c r="A32" s="140" t="s">
        <v>25</v>
      </c>
      <c r="B32" s="140" t="s">
        <v>309</v>
      </c>
      <c r="C32" s="141" t="s">
        <v>55</v>
      </c>
      <c r="D32" s="142" t="s">
        <v>310</v>
      </c>
      <c r="E32" s="143">
        <v>45917</v>
      </c>
      <c r="F32" s="143">
        <v>45978</v>
      </c>
      <c r="G32" s="144" t="s">
        <v>311</v>
      </c>
      <c r="H32" s="183" t="s">
        <v>312</v>
      </c>
      <c r="I32" s="144" t="s">
        <v>258</v>
      </c>
      <c r="J32" s="145" t="s">
        <v>60</v>
      </c>
      <c r="K32" s="145" t="s">
        <v>70</v>
      </c>
      <c r="L32" s="146" t="s">
        <v>62</v>
      </c>
      <c r="M32" s="183" t="s">
        <v>259</v>
      </c>
      <c r="N32" s="180" t="s">
        <v>260</v>
      </c>
    </row>
    <row r="33" spans="1:14" s="68" customFormat="1" ht="187.2" customHeight="1" x14ac:dyDescent="0.2">
      <c r="A33" s="140" t="s">
        <v>25</v>
      </c>
      <c r="B33" s="140" t="s">
        <v>313</v>
      </c>
      <c r="C33" s="141" t="s">
        <v>55</v>
      </c>
      <c r="D33" s="142" t="s">
        <v>314</v>
      </c>
      <c r="E33" s="147">
        <v>45934</v>
      </c>
      <c r="F33" s="147">
        <v>45934</v>
      </c>
      <c r="G33" s="121" t="s">
        <v>256</v>
      </c>
      <c r="H33" s="148" t="s">
        <v>257</v>
      </c>
      <c r="I33" s="121" t="s">
        <v>258</v>
      </c>
      <c r="J33" s="148" t="s">
        <v>315</v>
      </c>
      <c r="K33" s="149" t="s">
        <v>70</v>
      </c>
      <c r="L33" s="150" t="s">
        <v>62</v>
      </c>
      <c r="M33" s="148" t="s">
        <v>259</v>
      </c>
      <c r="N33" s="175" t="s">
        <v>260</v>
      </c>
    </row>
    <row r="34" spans="1:14" s="68" customFormat="1" ht="129" customHeight="1" x14ac:dyDescent="0.2">
      <c r="A34" s="140" t="s">
        <v>25</v>
      </c>
      <c r="B34" s="140" t="s">
        <v>1581</v>
      </c>
      <c r="C34" s="141" t="s">
        <v>99</v>
      </c>
      <c r="D34" s="140" t="s">
        <v>1582</v>
      </c>
      <c r="E34" s="151">
        <v>45935</v>
      </c>
      <c r="F34" s="151">
        <v>45935</v>
      </c>
      <c r="G34" s="149" t="s">
        <v>1583</v>
      </c>
      <c r="H34" s="149" t="s">
        <v>370</v>
      </c>
      <c r="I34" s="152" t="s">
        <v>1584</v>
      </c>
      <c r="J34" s="149" t="s">
        <v>60</v>
      </c>
      <c r="K34" s="149" t="s">
        <v>70</v>
      </c>
      <c r="L34" s="153" t="s">
        <v>62</v>
      </c>
      <c r="M34" s="149" t="s">
        <v>1585</v>
      </c>
      <c r="N34" s="175" t="s">
        <v>1586</v>
      </c>
    </row>
    <row r="35" spans="1:14" s="68" customFormat="1" ht="148.19999999999999" customHeight="1" x14ac:dyDescent="0.2">
      <c r="A35" s="4" t="s">
        <v>25</v>
      </c>
      <c r="B35" s="4" t="s">
        <v>149</v>
      </c>
      <c r="C35" s="7" t="s">
        <v>55</v>
      </c>
      <c r="D35" s="4" t="s">
        <v>150</v>
      </c>
      <c r="E35" s="9">
        <v>45940</v>
      </c>
      <c r="F35" s="9">
        <v>45996</v>
      </c>
      <c r="G35" s="39" t="s">
        <v>144</v>
      </c>
      <c r="H35" s="39" t="s">
        <v>145</v>
      </c>
      <c r="I35" s="39" t="s">
        <v>146</v>
      </c>
      <c r="J35" s="39" t="s">
        <v>125</v>
      </c>
      <c r="K35" s="39" t="s">
        <v>70</v>
      </c>
      <c r="L35" s="10" t="s">
        <v>62</v>
      </c>
      <c r="M35" s="39" t="s">
        <v>147</v>
      </c>
      <c r="N35" s="159" t="s">
        <v>151</v>
      </c>
    </row>
    <row r="36" spans="1:14" s="68" customFormat="1" ht="148.19999999999999" customHeight="1" x14ac:dyDescent="0.2">
      <c r="A36" s="11" t="s">
        <v>25</v>
      </c>
      <c r="B36" s="11" t="s">
        <v>316</v>
      </c>
      <c r="C36" s="12" t="s">
        <v>55</v>
      </c>
      <c r="D36" s="129" t="s">
        <v>317</v>
      </c>
      <c r="E36" s="154">
        <v>45940</v>
      </c>
      <c r="F36" s="154">
        <v>45996</v>
      </c>
      <c r="G36" s="39" t="s">
        <v>256</v>
      </c>
      <c r="H36" s="24" t="s">
        <v>257</v>
      </c>
      <c r="I36" s="39" t="s">
        <v>258</v>
      </c>
      <c r="J36" s="50" t="s">
        <v>60</v>
      </c>
      <c r="K36" s="50" t="s">
        <v>70</v>
      </c>
      <c r="L36" s="21" t="s">
        <v>62</v>
      </c>
      <c r="M36" s="24" t="s">
        <v>259</v>
      </c>
      <c r="N36" s="159" t="s">
        <v>260</v>
      </c>
    </row>
    <row r="37" spans="1:14" s="68" customFormat="1" ht="148.19999999999999" customHeight="1" x14ac:dyDescent="0.2">
      <c r="A37" s="11" t="s">
        <v>25</v>
      </c>
      <c r="B37" s="11" t="s">
        <v>318</v>
      </c>
      <c r="C37" s="12" t="s">
        <v>55</v>
      </c>
      <c r="D37" s="129" t="s">
        <v>319</v>
      </c>
      <c r="E37" s="154">
        <v>45940</v>
      </c>
      <c r="F37" s="154">
        <v>45996</v>
      </c>
      <c r="G37" s="39" t="s">
        <v>256</v>
      </c>
      <c r="H37" s="24" t="s">
        <v>257</v>
      </c>
      <c r="I37" s="39" t="s">
        <v>258</v>
      </c>
      <c r="J37" s="50" t="s">
        <v>60</v>
      </c>
      <c r="K37" s="50" t="s">
        <v>70</v>
      </c>
      <c r="L37" s="21" t="s">
        <v>62</v>
      </c>
      <c r="M37" s="24" t="s">
        <v>259</v>
      </c>
      <c r="N37" s="159" t="s">
        <v>260</v>
      </c>
    </row>
    <row r="38" spans="1:14" s="68" customFormat="1" ht="113.4" x14ac:dyDescent="0.2">
      <c r="A38" s="4" t="s">
        <v>25</v>
      </c>
      <c r="B38" s="4" t="s">
        <v>1566</v>
      </c>
      <c r="C38" s="7" t="s">
        <v>41</v>
      </c>
      <c r="D38" s="4" t="s">
        <v>1567</v>
      </c>
      <c r="E38" s="9">
        <v>45941</v>
      </c>
      <c r="F38" s="9">
        <v>45941</v>
      </c>
      <c r="G38" s="39" t="s">
        <v>1568</v>
      </c>
      <c r="H38" s="39" t="s">
        <v>1569</v>
      </c>
      <c r="I38" s="39" t="s">
        <v>1570</v>
      </c>
      <c r="J38" s="39" t="s">
        <v>1571</v>
      </c>
      <c r="K38" s="39" t="s">
        <v>70</v>
      </c>
      <c r="L38" s="10" t="s">
        <v>62</v>
      </c>
      <c r="M38" s="39" t="s">
        <v>1572</v>
      </c>
      <c r="N38" s="159" t="s">
        <v>1573</v>
      </c>
    </row>
    <row r="39" spans="1:14" s="68" customFormat="1" ht="162" x14ac:dyDescent="0.2">
      <c r="A39" s="11" t="s">
        <v>25</v>
      </c>
      <c r="B39" s="11" t="s">
        <v>1541</v>
      </c>
      <c r="C39" s="12" t="s">
        <v>600</v>
      </c>
      <c r="D39" s="11" t="s">
        <v>1542</v>
      </c>
      <c r="E39" s="69">
        <v>45943</v>
      </c>
      <c r="F39" s="69">
        <v>45943</v>
      </c>
      <c r="G39" s="50" t="s">
        <v>1543</v>
      </c>
      <c r="H39" s="50" t="s">
        <v>1544</v>
      </c>
      <c r="I39" s="50" t="s">
        <v>1545</v>
      </c>
      <c r="J39" s="50" t="s">
        <v>1546</v>
      </c>
      <c r="K39" s="50" t="s">
        <v>61</v>
      </c>
      <c r="L39" s="70" t="s">
        <v>85</v>
      </c>
      <c r="M39" s="50" t="s">
        <v>1547</v>
      </c>
      <c r="N39" s="159" t="s">
        <v>1548</v>
      </c>
    </row>
    <row r="40" spans="1:14" s="68" customFormat="1" ht="183" customHeight="1" x14ac:dyDescent="0.2">
      <c r="A40" s="11" t="s">
        <v>25</v>
      </c>
      <c r="B40" s="11" t="s">
        <v>320</v>
      </c>
      <c r="C40" s="12" t="s">
        <v>55</v>
      </c>
      <c r="D40" s="129" t="s">
        <v>321</v>
      </c>
      <c r="E40" s="154">
        <v>45946</v>
      </c>
      <c r="F40" s="154">
        <v>45946</v>
      </c>
      <c r="G40" s="39" t="s">
        <v>322</v>
      </c>
      <c r="H40" s="24" t="s">
        <v>323</v>
      </c>
      <c r="I40" s="39" t="s">
        <v>258</v>
      </c>
      <c r="J40" s="24" t="s">
        <v>315</v>
      </c>
      <c r="K40" s="50" t="s">
        <v>70</v>
      </c>
      <c r="L40" s="21" t="s">
        <v>62</v>
      </c>
      <c r="M40" s="24" t="s">
        <v>259</v>
      </c>
      <c r="N40" s="159" t="s">
        <v>260</v>
      </c>
    </row>
    <row r="41" spans="1:14" s="68" customFormat="1" ht="252.6" customHeight="1" x14ac:dyDescent="0.2">
      <c r="A41" s="11" t="s">
        <v>25</v>
      </c>
      <c r="B41" s="11" t="s">
        <v>326</v>
      </c>
      <c r="C41" s="12" t="s">
        <v>55</v>
      </c>
      <c r="D41" s="129" t="s">
        <v>327</v>
      </c>
      <c r="E41" s="154">
        <v>45953</v>
      </c>
      <c r="F41" s="154">
        <v>45953</v>
      </c>
      <c r="G41" s="39" t="s">
        <v>328</v>
      </c>
      <c r="H41" s="24" t="s">
        <v>329</v>
      </c>
      <c r="I41" s="39" t="s">
        <v>258</v>
      </c>
      <c r="J41" s="50" t="s">
        <v>60</v>
      </c>
      <c r="K41" s="50" t="s">
        <v>70</v>
      </c>
      <c r="L41" s="21" t="s">
        <v>62</v>
      </c>
      <c r="M41" s="24" t="s">
        <v>259</v>
      </c>
      <c r="N41" s="159" t="s">
        <v>260</v>
      </c>
    </row>
    <row r="42" spans="1:14" s="68" customFormat="1" ht="252.6" customHeight="1" x14ac:dyDescent="0.2">
      <c r="A42" s="11" t="s">
        <v>25</v>
      </c>
      <c r="B42" s="11" t="s">
        <v>324</v>
      </c>
      <c r="C42" s="12" t="s">
        <v>55</v>
      </c>
      <c r="D42" s="129" t="s">
        <v>325</v>
      </c>
      <c r="E42" s="154">
        <v>45953</v>
      </c>
      <c r="F42" s="154">
        <v>46009</v>
      </c>
      <c r="G42" s="39" t="s">
        <v>256</v>
      </c>
      <c r="H42" s="24" t="s">
        <v>257</v>
      </c>
      <c r="I42" s="39" t="s">
        <v>258</v>
      </c>
      <c r="J42" s="50" t="s">
        <v>60</v>
      </c>
      <c r="K42" s="50" t="s">
        <v>70</v>
      </c>
      <c r="L42" s="21" t="s">
        <v>62</v>
      </c>
      <c r="M42" s="24" t="s">
        <v>259</v>
      </c>
      <c r="N42" s="159" t="s">
        <v>260</v>
      </c>
    </row>
    <row r="43" spans="1:14" s="68" customFormat="1" ht="252.6" customHeight="1" x14ac:dyDescent="0.2">
      <c r="A43" s="11" t="s">
        <v>25</v>
      </c>
      <c r="B43" s="11" t="s">
        <v>330</v>
      </c>
      <c r="C43" s="12" t="s">
        <v>55</v>
      </c>
      <c r="D43" s="129" t="s">
        <v>331</v>
      </c>
      <c r="E43" s="154">
        <v>45958</v>
      </c>
      <c r="F43" s="154">
        <v>45958</v>
      </c>
      <c r="G43" s="39" t="s">
        <v>256</v>
      </c>
      <c r="H43" s="24" t="s">
        <v>257</v>
      </c>
      <c r="I43" s="39" t="s">
        <v>258</v>
      </c>
      <c r="J43" s="50" t="s">
        <v>60</v>
      </c>
      <c r="K43" s="50" t="s">
        <v>70</v>
      </c>
      <c r="L43" s="21" t="s">
        <v>62</v>
      </c>
      <c r="M43" s="24" t="s">
        <v>259</v>
      </c>
      <c r="N43" s="159" t="s">
        <v>260</v>
      </c>
    </row>
    <row r="44" spans="1:14" s="68" customFormat="1" ht="175.2" customHeight="1" x14ac:dyDescent="0.2">
      <c r="A44" s="4" t="s">
        <v>25</v>
      </c>
      <c r="B44" s="4" t="s">
        <v>142</v>
      </c>
      <c r="C44" s="6" t="s">
        <v>55</v>
      </c>
      <c r="D44" s="4" t="s">
        <v>143</v>
      </c>
      <c r="E44" s="9">
        <v>45961</v>
      </c>
      <c r="F44" s="9">
        <v>45961</v>
      </c>
      <c r="G44" s="39" t="s">
        <v>144</v>
      </c>
      <c r="H44" s="39" t="s">
        <v>145</v>
      </c>
      <c r="I44" s="39" t="s">
        <v>146</v>
      </c>
      <c r="J44" s="39" t="s">
        <v>125</v>
      </c>
      <c r="K44" s="39" t="s">
        <v>70</v>
      </c>
      <c r="L44" s="124" t="s">
        <v>62</v>
      </c>
      <c r="M44" s="39" t="s">
        <v>147</v>
      </c>
      <c r="N44" s="159" t="s">
        <v>148</v>
      </c>
    </row>
    <row r="45" spans="1:14" s="68" customFormat="1" ht="150.6" customHeight="1" x14ac:dyDescent="0.2">
      <c r="A45" s="11" t="s">
        <v>25</v>
      </c>
      <c r="B45" s="11" t="s">
        <v>334</v>
      </c>
      <c r="C45" s="20" t="s">
        <v>55</v>
      </c>
      <c r="D45" s="129" t="s">
        <v>335</v>
      </c>
      <c r="E45" s="154">
        <v>45961</v>
      </c>
      <c r="F45" s="154">
        <v>46010</v>
      </c>
      <c r="G45" s="39" t="s">
        <v>172</v>
      </c>
      <c r="H45" s="24"/>
      <c r="I45" s="39" t="s">
        <v>258</v>
      </c>
      <c r="J45" s="50" t="s">
        <v>60</v>
      </c>
      <c r="K45" s="50" t="s">
        <v>70</v>
      </c>
      <c r="L45" s="29" t="s">
        <v>62</v>
      </c>
      <c r="M45" s="24" t="s">
        <v>259</v>
      </c>
      <c r="N45" s="159" t="s">
        <v>260</v>
      </c>
    </row>
    <row r="46" spans="1:14" s="68" customFormat="1" ht="229.2" customHeight="1" x14ac:dyDescent="0.2">
      <c r="A46" s="11" t="s">
        <v>25</v>
      </c>
      <c r="B46" s="11" t="s">
        <v>332</v>
      </c>
      <c r="C46" s="20" t="s">
        <v>55</v>
      </c>
      <c r="D46" s="129" t="s">
        <v>333</v>
      </c>
      <c r="E46" s="154">
        <v>45961</v>
      </c>
      <c r="F46" s="154">
        <v>46080</v>
      </c>
      <c r="G46" s="39" t="s">
        <v>256</v>
      </c>
      <c r="H46" s="24" t="s">
        <v>257</v>
      </c>
      <c r="I46" s="39" t="s">
        <v>258</v>
      </c>
      <c r="J46" s="50" t="s">
        <v>60</v>
      </c>
      <c r="K46" s="50" t="s">
        <v>70</v>
      </c>
      <c r="L46" s="29" t="s">
        <v>62</v>
      </c>
      <c r="M46" s="24" t="s">
        <v>259</v>
      </c>
      <c r="N46" s="159" t="s">
        <v>260</v>
      </c>
    </row>
    <row r="47" spans="1:14" s="68" customFormat="1" ht="171" customHeight="1" x14ac:dyDescent="0.2">
      <c r="A47" s="11" t="s">
        <v>25</v>
      </c>
      <c r="B47" s="11" t="s">
        <v>336</v>
      </c>
      <c r="C47" s="20" t="s">
        <v>55</v>
      </c>
      <c r="D47" s="129" t="s">
        <v>337</v>
      </c>
      <c r="E47" s="154">
        <v>45962</v>
      </c>
      <c r="F47" s="154">
        <v>45962</v>
      </c>
      <c r="G47" s="39" t="s">
        <v>256</v>
      </c>
      <c r="H47" s="24" t="s">
        <v>257</v>
      </c>
      <c r="I47" s="39" t="s">
        <v>258</v>
      </c>
      <c r="J47" s="50" t="s">
        <v>60</v>
      </c>
      <c r="K47" s="50" t="s">
        <v>70</v>
      </c>
      <c r="L47" s="29" t="s">
        <v>62</v>
      </c>
      <c r="M47" s="24" t="s">
        <v>259</v>
      </c>
      <c r="N47" s="159" t="s">
        <v>260</v>
      </c>
    </row>
    <row r="48" spans="1:14" s="68" customFormat="1" ht="97.2" x14ac:dyDescent="0.2">
      <c r="A48" s="4" t="s">
        <v>1574</v>
      </c>
      <c r="B48" s="4" t="s">
        <v>1575</v>
      </c>
      <c r="C48" s="6" t="s">
        <v>41</v>
      </c>
      <c r="D48" s="4" t="s">
        <v>1576</v>
      </c>
      <c r="E48" s="9">
        <v>45963</v>
      </c>
      <c r="F48" s="9">
        <v>45963</v>
      </c>
      <c r="G48" s="39" t="s">
        <v>1568</v>
      </c>
      <c r="H48" s="39" t="s">
        <v>1569</v>
      </c>
      <c r="I48" s="39" t="s">
        <v>1570</v>
      </c>
      <c r="J48" s="39" t="s">
        <v>1571</v>
      </c>
      <c r="K48" s="39" t="s">
        <v>70</v>
      </c>
      <c r="L48" s="124" t="s">
        <v>62</v>
      </c>
      <c r="M48" s="39" t="s">
        <v>1572</v>
      </c>
      <c r="N48" s="159" t="s">
        <v>1577</v>
      </c>
    </row>
    <row r="49" spans="1:14" s="68" customFormat="1" ht="235.95" customHeight="1" x14ac:dyDescent="0.2">
      <c r="A49" s="11" t="s">
        <v>25</v>
      </c>
      <c r="B49" s="11" t="s">
        <v>338</v>
      </c>
      <c r="C49" s="20" t="s">
        <v>55</v>
      </c>
      <c r="D49" s="129" t="s">
        <v>339</v>
      </c>
      <c r="E49" s="154">
        <v>45968</v>
      </c>
      <c r="F49" s="154">
        <v>45968</v>
      </c>
      <c r="G49" s="39" t="s">
        <v>340</v>
      </c>
      <c r="H49" s="24" t="s">
        <v>341</v>
      </c>
      <c r="I49" s="39" t="s">
        <v>258</v>
      </c>
      <c r="J49" s="50" t="s">
        <v>60</v>
      </c>
      <c r="K49" s="50" t="s">
        <v>70</v>
      </c>
      <c r="L49" s="29" t="s">
        <v>62</v>
      </c>
      <c r="M49" s="24" t="s">
        <v>259</v>
      </c>
      <c r="N49" s="159" t="s">
        <v>260</v>
      </c>
    </row>
    <row r="50" spans="1:14" s="68" customFormat="1" ht="162" x14ac:dyDescent="0.2">
      <c r="A50" s="11" t="s">
        <v>25</v>
      </c>
      <c r="B50" s="11" t="s">
        <v>1587</v>
      </c>
      <c r="C50" s="20" t="s">
        <v>99</v>
      </c>
      <c r="D50" s="11" t="s">
        <v>1588</v>
      </c>
      <c r="E50" s="69">
        <v>45970</v>
      </c>
      <c r="F50" s="69">
        <v>45970</v>
      </c>
      <c r="G50" s="50" t="s">
        <v>1589</v>
      </c>
      <c r="H50" s="50" t="s">
        <v>1590</v>
      </c>
      <c r="I50" s="49" t="s">
        <v>1591</v>
      </c>
      <c r="J50" s="50" t="s">
        <v>60</v>
      </c>
      <c r="K50" s="50" t="s">
        <v>70</v>
      </c>
      <c r="L50" s="155" t="s">
        <v>62</v>
      </c>
      <c r="M50" s="50" t="s">
        <v>1592</v>
      </c>
      <c r="N50" s="159" t="s">
        <v>1593</v>
      </c>
    </row>
    <row r="51" spans="1:14" s="68" customFormat="1" ht="192" customHeight="1" x14ac:dyDescent="0.2">
      <c r="A51" s="11" t="s">
        <v>25</v>
      </c>
      <c r="B51" s="11" t="s">
        <v>342</v>
      </c>
      <c r="C51" s="20" t="s">
        <v>55</v>
      </c>
      <c r="D51" s="129" t="s">
        <v>343</v>
      </c>
      <c r="E51" s="154">
        <v>45973</v>
      </c>
      <c r="F51" s="156">
        <v>45973</v>
      </c>
      <c r="G51" s="39" t="s">
        <v>256</v>
      </c>
      <c r="H51" s="24" t="s">
        <v>257</v>
      </c>
      <c r="I51" s="39" t="s">
        <v>258</v>
      </c>
      <c r="J51" s="50" t="s">
        <v>60</v>
      </c>
      <c r="K51" s="50" t="s">
        <v>70</v>
      </c>
      <c r="L51" s="29" t="s">
        <v>62</v>
      </c>
      <c r="M51" s="24" t="s">
        <v>259</v>
      </c>
      <c r="N51" s="159" t="s">
        <v>260</v>
      </c>
    </row>
    <row r="52" spans="1:14" s="68" customFormat="1" ht="192" customHeight="1" x14ac:dyDescent="0.2">
      <c r="A52" s="4" t="s">
        <v>25</v>
      </c>
      <c r="B52" s="4" t="s">
        <v>152</v>
      </c>
      <c r="C52" s="6" t="s">
        <v>55</v>
      </c>
      <c r="D52" s="4" t="s">
        <v>153</v>
      </c>
      <c r="E52" s="9">
        <v>45973</v>
      </c>
      <c r="F52" s="9">
        <v>46001</v>
      </c>
      <c r="G52" s="39" t="s">
        <v>144</v>
      </c>
      <c r="H52" s="39" t="s">
        <v>145</v>
      </c>
      <c r="I52" s="39" t="s">
        <v>146</v>
      </c>
      <c r="J52" s="39" t="s">
        <v>154</v>
      </c>
      <c r="K52" s="39" t="s">
        <v>70</v>
      </c>
      <c r="L52" s="124" t="s">
        <v>62</v>
      </c>
      <c r="M52" s="39" t="s">
        <v>147</v>
      </c>
      <c r="N52" s="159" t="s">
        <v>155</v>
      </c>
    </row>
    <row r="53" spans="1:14" s="68" customFormat="1" ht="119.4" customHeight="1" x14ac:dyDescent="0.2">
      <c r="A53" s="4" t="s">
        <v>25</v>
      </c>
      <c r="B53" s="4" t="s">
        <v>2179</v>
      </c>
      <c r="C53" s="6" t="s">
        <v>99</v>
      </c>
      <c r="D53" s="4" t="s">
        <v>2180</v>
      </c>
      <c r="E53" s="9">
        <v>45913</v>
      </c>
      <c r="F53" s="9">
        <v>46092</v>
      </c>
      <c r="G53" s="39" t="s">
        <v>2176</v>
      </c>
      <c r="H53" s="39" t="s">
        <v>2177</v>
      </c>
      <c r="I53" s="39" t="s">
        <v>2176</v>
      </c>
      <c r="J53" s="39" t="s">
        <v>60</v>
      </c>
      <c r="K53" s="39" t="s">
        <v>61</v>
      </c>
      <c r="L53" s="10" t="s">
        <v>85</v>
      </c>
      <c r="M53" s="39" t="s">
        <v>2178</v>
      </c>
      <c r="N53" s="2"/>
    </row>
    <row r="54" spans="1:14" s="68" customFormat="1" ht="119.4" customHeight="1" x14ac:dyDescent="0.2">
      <c r="A54" s="4" t="s">
        <v>25</v>
      </c>
      <c r="B54" s="4" t="s">
        <v>2181</v>
      </c>
      <c r="C54" s="6" t="s">
        <v>55</v>
      </c>
      <c r="D54" s="4" t="s">
        <v>2182</v>
      </c>
      <c r="E54" s="9">
        <v>45941</v>
      </c>
      <c r="F54" s="9">
        <v>45942</v>
      </c>
      <c r="G54" s="39" t="s">
        <v>2183</v>
      </c>
      <c r="H54" s="39" t="s">
        <v>2184</v>
      </c>
      <c r="I54" s="39" t="s">
        <v>2185</v>
      </c>
      <c r="J54" s="39" t="s">
        <v>60</v>
      </c>
      <c r="K54" s="39" t="s">
        <v>61</v>
      </c>
      <c r="L54" s="10" t="s">
        <v>62</v>
      </c>
      <c r="M54" s="39" t="s">
        <v>2186</v>
      </c>
      <c r="N54" s="2"/>
    </row>
    <row r="55" spans="1:14" s="68" customFormat="1" ht="119.4" customHeight="1" x14ac:dyDescent="0.2">
      <c r="A55" s="4" t="s">
        <v>25</v>
      </c>
      <c r="B55" s="4" t="s">
        <v>2174</v>
      </c>
      <c r="C55" s="6" t="s">
        <v>99</v>
      </c>
      <c r="D55" s="4" t="s">
        <v>2175</v>
      </c>
      <c r="E55" s="9">
        <v>45962</v>
      </c>
      <c r="F55" s="9">
        <v>45962</v>
      </c>
      <c r="G55" s="39" t="s">
        <v>2176</v>
      </c>
      <c r="H55" s="39" t="s">
        <v>2177</v>
      </c>
      <c r="I55" s="39" t="s">
        <v>2176</v>
      </c>
      <c r="J55" s="39" t="s">
        <v>60</v>
      </c>
      <c r="K55" s="39" t="s">
        <v>61</v>
      </c>
      <c r="L55" s="10" t="s">
        <v>62</v>
      </c>
      <c r="M55" s="39" t="s">
        <v>2178</v>
      </c>
      <c r="N55" s="2"/>
    </row>
    <row r="56" spans="1:14" s="68" customFormat="1" ht="129.6" x14ac:dyDescent="0.2">
      <c r="A56" s="11" t="s">
        <v>25</v>
      </c>
      <c r="B56" s="11" t="s">
        <v>1562</v>
      </c>
      <c r="C56" s="20" t="s">
        <v>89</v>
      </c>
      <c r="D56" s="157" t="s">
        <v>1563</v>
      </c>
      <c r="E56" s="69">
        <v>45977</v>
      </c>
      <c r="F56" s="69">
        <v>45977</v>
      </c>
      <c r="G56" s="50" t="s">
        <v>1552</v>
      </c>
      <c r="H56" s="50" t="s">
        <v>370</v>
      </c>
      <c r="I56" s="50" t="s">
        <v>1553</v>
      </c>
      <c r="J56" s="50" t="s">
        <v>1564</v>
      </c>
      <c r="K56" s="50" t="s">
        <v>61</v>
      </c>
      <c r="L56" s="155" t="s">
        <v>85</v>
      </c>
      <c r="M56" s="50" t="s">
        <v>1555</v>
      </c>
      <c r="N56" s="159" t="s">
        <v>1565</v>
      </c>
    </row>
    <row r="57" spans="1:14" s="68" customFormat="1" ht="113.4" x14ac:dyDescent="0.2">
      <c r="A57" s="4" t="s">
        <v>1574</v>
      </c>
      <c r="B57" s="4" t="s">
        <v>1578</v>
      </c>
      <c r="C57" s="6" t="s">
        <v>41</v>
      </c>
      <c r="D57" s="4" t="s">
        <v>1579</v>
      </c>
      <c r="E57" s="9">
        <v>45977</v>
      </c>
      <c r="F57" s="9">
        <v>45977</v>
      </c>
      <c r="G57" s="39" t="s">
        <v>1568</v>
      </c>
      <c r="H57" s="39" t="s">
        <v>1569</v>
      </c>
      <c r="I57" s="39" t="s">
        <v>1570</v>
      </c>
      <c r="J57" s="39" t="s">
        <v>1571</v>
      </c>
      <c r="K57" s="39" t="s">
        <v>70</v>
      </c>
      <c r="L57" s="124" t="s">
        <v>62</v>
      </c>
      <c r="M57" s="39" t="s">
        <v>1572</v>
      </c>
      <c r="N57" s="159" t="s">
        <v>1580</v>
      </c>
    </row>
    <row r="58" spans="1:14" s="68" customFormat="1" ht="129.6" x14ac:dyDescent="0.2">
      <c r="A58" s="11" t="s">
        <v>25</v>
      </c>
      <c r="B58" s="11" t="s">
        <v>1549</v>
      </c>
      <c r="C58" s="20" t="s">
        <v>89</v>
      </c>
      <c r="D58" s="11" t="s">
        <v>1550</v>
      </c>
      <c r="E58" s="82" t="s">
        <v>1551</v>
      </c>
      <c r="F58" s="158" t="s">
        <v>1551</v>
      </c>
      <c r="G58" s="50" t="s">
        <v>1552</v>
      </c>
      <c r="H58" s="50" t="s">
        <v>370</v>
      </c>
      <c r="I58" s="50" t="s">
        <v>1553</v>
      </c>
      <c r="J58" s="50" t="s">
        <v>1554</v>
      </c>
      <c r="K58" s="50" t="s">
        <v>61</v>
      </c>
      <c r="L58" s="155" t="s">
        <v>62</v>
      </c>
      <c r="M58" s="50" t="s">
        <v>1555</v>
      </c>
      <c r="N58" s="159" t="s">
        <v>1556</v>
      </c>
    </row>
    <row r="59" spans="1:14" s="68" customFormat="1" ht="166.2" customHeight="1" x14ac:dyDescent="0.2">
      <c r="A59" s="11" t="s">
        <v>25</v>
      </c>
      <c r="B59" s="11" t="s">
        <v>1558</v>
      </c>
      <c r="C59" s="20" t="s">
        <v>89</v>
      </c>
      <c r="D59" s="11" t="s">
        <v>1559</v>
      </c>
      <c r="E59" s="82" t="s">
        <v>1560</v>
      </c>
      <c r="F59" s="82" t="s">
        <v>1560</v>
      </c>
      <c r="G59" s="50" t="s">
        <v>1552</v>
      </c>
      <c r="H59" s="50" t="s">
        <v>370</v>
      </c>
      <c r="I59" s="50" t="s">
        <v>1553</v>
      </c>
      <c r="J59" s="50" t="s">
        <v>1561</v>
      </c>
      <c r="K59" s="50" t="s">
        <v>61</v>
      </c>
      <c r="L59" s="155" t="s">
        <v>62</v>
      </c>
      <c r="M59" s="50" t="s">
        <v>1555</v>
      </c>
      <c r="N59" s="159" t="s">
        <v>1556</v>
      </c>
    </row>
    <row r="60" spans="1:14" s="68" customFormat="1" ht="129.6" x14ac:dyDescent="0.2">
      <c r="A60" s="11" t="s">
        <v>25</v>
      </c>
      <c r="B60" s="11" t="s">
        <v>1549</v>
      </c>
      <c r="C60" s="20" t="s">
        <v>89</v>
      </c>
      <c r="D60" s="11" t="s">
        <v>1550</v>
      </c>
      <c r="E60" s="82" t="s">
        <v>1557</v>
      </c>
      <c r="F60" s="82" t="s">
        <v>1557</v>
      </c>
      <c r="G60" s="50" t="s">
        <v>1552</v>
      </c>
      <c r="H60" s="50" t="s">
        <v>370</v>
      </c>
      <c r="I60" s="50" t="s">
        <v>1553</v>
      </c>
      <c r="J60" s="50" t="s">
        <v>1554</v>
      </c>
      <c r="K60" s="50" t="s">
        <v>61</v>
      </c>
      <c r="L60" s="155" t="s">
        <v>62</v>
      </c>
      <c r="M60" s="50" t="s">
        <v>1555</v>
      </c>
      <c r="N60" s="159" t="s">
        <v>1556</v>
      </c>
    </row>
    <row r="61" spans="1:14" s="68" customFormat="1" ht="92.4" x14ac:dyDescent="0.2">
      <c r="A61" s="4" t="s">
        <v>26</v>
      </c>
      <c r="B61" s="4" t="s">
        <v>1601</v>
      </c>
      <c r="C61" s="6" t="s">
        <v>41</v>
      </c>
      <c r="D61" s="4" t="s">
        <v>1602</v>
      </c>
      <c r="E61" s="9">
        <v>45914</v>
      </c>
      <c r="F61" s="9">
        <v>45934</v>
      </c>
      <c r="G61" s="39" t="s">
        <v>1603</v>
      </c>
      <c r="H61" s="39" t="s">
        <v>1604</v>
      </c>
      <c r="I61" s="39" t="s">
        <v>1570</v>
      </c>
      <c r="J61" s="39" t="s">
        <v>1605</v>
      </c>
      <c r="K61" s="39" t="s">
        <v>70</v>
      </c>
      <c r="L61" s="124" t="s">
        <v>62</v>
      </c>
      <c r="M61" s="39" t="s">
        <v>1572</v>
      </c>
      <c r="N61" s="159" t="s">
        <v>1606</v>
      </c>
    </row>
    <row r="62" spans="1:14" s="68" customFormat="1" ht="167.4" customHeight="1" x14ac:dyDescent="0.2">
      <c r="A62" s="4" t="s">
        <v>26</v>
      </c>
      <c r="B62" s="4" t="s">
        <v>2207</v>
      </c>
      <c r="C62" s="6" t="s">
        <v>42</v>
      </c>
      <c r="D62" s="4" t="s">
        <v>2125</v>
      </c>
      <c r="E62" s="99">
        <v>45906</v>
      </c>
      <c r="F62" s="99">
        <v>46012</v>
      </c>
      <c r="G62" s="39" t="s">
        <v>2126</v>
      </c>
      <c r="H62" s="39" t="s">
        <v>2127</v>
      </c>
      <c r="I62" s="39" t="s">
        <v>2128</v>
      </c>
      <c r="J62" s="39" t="s">
        <v>60</v>
      </c>
      <c r="K62" s="39" t="s">
        <v>70</v>
      </c>
      <c r="L62" s="124" t="s">
        <v>85</v>
      </c>
      <c r="M62" s="39" t="s">
        <v>2128</v>
      </c>
      <c r="N62" s="159" t="s">
        <v>2129</v>
      </c>
    </row>
    <row r="63" spans="1:14" s="68" customFormat="1" ht="167.4" customHeight="1" x14ac:dyDescent="0.2">
      <c r="A63" s="4" t="s">
        <v>1607</v>
      </c>
      <c r="B63" s="4" t="s">
        <v>1608</v>
      </c>
      <c r="C63" s="6" t="s">
        <v>41</v>
      </c>
      <c r="D63" s="4" t="s">
        <v>1609</v>
      </c>
      <c r="E63" s="9">
        <v>45921</v>
      </c>
      <c r="F63" s="9">
        <v>45949</v>
      </c>
      <c r="G63" s="39" t="s">
        <v>1603</v>
      </c>
      <c r="H63" s="39" t="s">
        <v>1604</v>
      </c>
      <c r="I63" s="39" t="s">
        <v>1570</v>
      </c>
      <c r="J63" s="39" t="s">
        <v>1605</v>
      </c>
      <c r="K63" s="39" t="s">
        <v>70</v>
      </c>
      <c r="L63" s="124" t="s">
        <v>62</v>
      </c>
      <c r="M63" s="39" t="s">
        <v>1572</v>
      </c>
      <c r="N63" s="159" t="s">
        <v>1610</v>
      </c>
    </row>
    <row r="64" spans="1:14" s="68" customFormat="1" ht="81" x14ac:dyDescent="0.2">
      <c r="A64" s="205" t="s">
        <v>97</v>
      </c>
      <c r="B64" s="205" t="s">
        <v>98</v>
      </c>
      <c r="C64" s="206" t="s">
        <v>99</v>
      </c>
      <c r="D64" s="205" t="s">
        <v>100</v>
      </c>
      <c r="E64" s="207">
        <v>45927</v>
      </c>
      <c r="F64" s="207">
        <v>45927</v>
      </c>
      <c r="G64" s="53" t="s">
        <v>101</v>
      </c>
      <c r="H64" s="53" t="s">
        <v>102</v>
      </c>
      <c r="I64" s="53" t="s">
        <v>103</v>
      </c>
      <c r="J64" s="53" t="s">
        <v>104</v>
      </c>
      <c r="K64" s="53" t="s">
        <v>70</v>
      </c>
      <c r="L64" s="208" t="s">
        <v>62</v>
      </c>
      <c r="M64" s="53" t="s">
        <v>105</v>
      </c>
      <c r="N64" s="166" t="s">
        <v>106</v>
      </c>
    </row>
    <row r="65" spans="1:14" s="68" customFormat="1" ht="190.95" customHeight="1" x14ac:dyDescent="0.2">
      <c r="A65" s="4" t="s">
        <v>26</v>
      </c>
      <c r="B65" s="4" t="s">
        <v>1594</v>
      </c>
      <c r="C65" s="6" t="s">
        <v>55</v>
      </c>
      <c r="D65" s="4" t="s">
        <v>1595</v>
      </c>
      <c r="E65" s="9">
        <v>45935</v>
      </c>
      <c r="F65" s="9">
        <v>45935</v>
      </c>
      <c r="G65" s="39" t="s">
        <v>1596</v>
      </c>
      <c r="H65" s="39" t="s">
        <v>1597</v>
      </c>
      <c r="I65" s="39" t="s">
        <v>1598</v>
      </c>
      <c r="J65" s="39" t="s">
        <v>60</v>
      </c>
      <c r="K65" s="39" t="s">
        <v>61</v>
      </c>
      <c r="L65" s="124" t="s">
        <v>62</v>
      </c>
      <c r="M65" s="39" t="s">
        <v>1599</v>
      </c>
      <c r="N65" s="159" t="s">
        <v>1600</v>
      </c>
    </row>
    <row r="66" spans="1:14" s="68" customFormat="1" ht="113.4" x14ac:dyDescent="0.2">
      <c r="A66" s="205" t="s">
        <v>97</v>
      </c>
      <c r="B66" s="205" t="s">
        <v>107</v>
      </c>
      <c r="C66" s="206" t="s">
        <v>99</v>
      </c>
      <c r="D66" s="205" t="s">
        <v>108</v>
      </c>
      <c r="E66" s="207">
        <v>45940</v>
      </c>
      <c r="F66" s="209">
        <v>45940</v>
      </c>
      <c r="G66" s="53" t="s">
        <v>109</v>
      </c>
      <c r="H66" s="53" t="s">
        <v>110</v>
      </c>
      <c r="I66" s="53" t="s">
        <v>103</v>
      </c>
      <c r="J66" s="53" t="s">
        <v>104</v>
      </c>
      <c r="K66" s="53" t="s">
        <v>70</v>
      </c>
      <c r="L66" s="208" t="s">
        <v>62</v>
      </c>
      <c r="M66" s="53" t="s">
        <v>105</v>
      </c>
      <c r="N66" s="166" t="s">
        <v>111</v>
      </c>
    </row>
    <row r="67" spans="1:14" s="68" customFormat="1" ht="97.2" x14ac:dyDescent="0.2">
      <c r="A67" s="4" t="s">
        <v>26</v>
      </c>
      <c r="B67" s="4" t="s">
        <v>367</v>
      </c>
      <c r="C67" s="6" t="s">
        <v>99</v>
      </c>
      <c r="D67" s="4" t="s">
        <v>368</v>
      </c>
      <c r="E67" s="9">
        <v>45945</v>
      </c>
      <c r="F67" s="9">
        <v>45945</v>
      </c>
      <c r="G67" s="39" t="s">
        <v>369</v>
      </c>
      <c r="H67" s="39" t="s">
        <v>370</v>
      </c>
      <c r="I67" s="39" t="s">
        <v>371</v>
      </c>
      <c r="J67" s="39" t="s">
        <v>60</v>
      </c>
      <c r="K67" s="39" t="s">
        <v>61</v>
      </c>
      <c r="L67" s="124" t="s">
        <v>62</v>
      </c>
      <c r="M67" s="39" t="s">
        <v>372</v>
      </c>
      <c r="N67" s="159" t="s">
        <v>373</v>
      </c>
    </row>
    <row r="68" spans="1:14" s="68" customFormat="1" ht="158.4" x14ac:dyDescent="0.2">
      <c r="A68" s="4" t="s">
        <v>1607</v>
      </c>
      <c r="B68" s="4" t="s">
        <v>1611</v>
      </c>
      <c r="C68" s="6" t="s">
        <v>41</v>
      </c>
      <c r="D68" s="4" t="s">
        <v>1612</v>
      </c>
      <c r="E68" s="9">
        <v>45954</v>
      </c>
      <c r="F68" s="128">
        <v>45955</v>
      </c>
      <c r="G68" s="39" t="s">
        <v>1603</v>
      </c>
      <c r="H68" s="39" t="s">
        <v>1604</v>
      </c>
      <c r="I68" s="39" t="s">
        <v>1570</v>
      </c>
      <c r="J68" s="39" t="s">
        <v>1605</v>
      </c>
      <c r="K68" s="39" t="s">
        <v>70</v>
      </c>
      <c r="L68" s="124" t="s">
        <v>62</v>
      </c>
      <c r="M68" s="39" t="s">
        <v>1572</v>
      </c>
      <c r="N68" s="159" t="s">
        <v>1613</v>
      </c>
    </row>
    <row r="69" spans="1:14" s="68" customFormat="1" ht="81" x14ac:dyDescent="0.2">
      <c r="A69" s="205" t="s">
        <v>97</v>
      </c>
      <c r="B69" s="205" t="s">
        <v>112</v>
      </c>
      <c r="C69" s="206" t="s">
        <v>99</v>
      </c>
      <c r="D69" s="205" t="s">
        <v>113</v>
      </c>
      <c r="E69" s="207">
        <v>45969</v>
      </c>
      <c r="F69" s="207">
        <v>45969</v>
      </c>
      <c r="G69" s="53" t="s">
        <v>101</v>
      </c>
      <c r="H69" s="53" t="s">
        <v>102</v>
      </c>
      <c r="I69" s="53" t="s">
        <v>103</v>
      </c>
      <c r="J69" s="53" t="s">
        <v>114</v>
      </c>
      <c r="K69" s="53" t="s">
        <v>70</v>
      </c>
      <c r="L69" s="208" t="s">
        <v>62</v>
      </c>
      <c r="M69" s="53" t="s">
        <v>105</v>
      </c>
      <c r="N69" s="166" t="s">
        <v>106</v>
      </c>
    </row>
    <row r="70" spans="1:14" s="68" customFormat="1" ht="81" x14ac:dyDescent="0.2">
      <c r="A70" s="4" t="s">
        <v>1607</v>
      </c>
      <c r="B70" s="4" t="s">
        <v>1614</v>
      </c>
      <c r="C70" s="6" t="s">
        <v>41</v>
      </c>
      <c r="D70" s="4" t="s">
        <v>1615</v>
      </c>
      <c r="E70" s="9">
        <v>45975</v>
      </c>
      <c r="F70" s="9">
        <v>45991</v>
      </c>
      <c r="G70" s="39" t="s">
        <v>1603</v>
      </c>
      <c r="H70" s="39" t="s">
        <v>1604</v>
      </c>
      <c r="I70" s="39" t="s">
        <v>1570</v>
      </c>
      <c r="J70" s="39" t="s">
        <v>1605</v>
      </c>
      <c r="K70" s="39" t="s">
        <v>70</v>
      </c>
      <c r="L70" s="124" t="s">
        <v>62</v>
      </c>
      <c r="M70" s="39" t="s">
        <v>1572</v>
      </c>
      <c r="N70" s="159" t="s">
        <v>1616</v>
      </c>
    </row>
    <row r="71" spans="1:14" s="68" customFormat="1" ht="210.6" x14ac:dyDescent="0.2">
      <c r="A71" s="4" t="s">
        <v>27</v>
      </c>
      <c r="B71" s="4" t="s">
        <v>545</v>
      </c>
      <c r="C71" s="6" t="s">
        <v>55</v>
      </c>
      <c r="D71" s="4" t="s">
        <v>546</v>
      </c>
      <c r="E71" s="9">
        <v>45861</v>
      </c>
      <c r="F71" s="9">
        <v>45991</v>
      </c>
      <c r="G71" s="39" t="s">
        <v>536</v>
      </c>
      <c r="H71" s="39" t="s">
        <v>543</v>
      </c>
      <c r="I71" s="39" t="s">
        <v>536</v>
      </c>
      <c r="J71" s="39" t="s">
        <v>547</v>
      </c>
      <c r="K71" s="39" t="s">
        <v>61</v>
      </c>
      <c r="L71" s="124" t="s">
        <v>85</v>
      </c>
      <c r="M71" s="39" t="s">
        <v>530</v>
      </c>
      <c r="N71" s="159" t="s">
        <v>532</v>
      </c>
    </row>
    <row r="72" spans="1:14" s="68" customFormat="1" ht="210.6" x14ac:dyDescent="0.2">
      <c r="A72" s="125" t="s">
        <v>27</v>
      </c>
      <c r="B72" s="125" t="s">
        <v>533</v>
      </c>
      <c r="C72" s="7" t="s">
        <v>55</v>
      </c>
      <c r="D72" s="125" t="s">
        <v>534</v>
      </c>
      <c r="E72" s="126">
        <v>45924</v>
      </c>
      <c r="F72" s="126">
        <v>46001</v>
      </c>
      <c r="G72" s="127" t="s">
        <v>530</v>
      </c>
      <c r="H72" s="127" t="s">
        <v>535</v>
      </c>
      <c r="I72" s="127" t="s">
        <v>536</v>
      </c>
      <c r="J72" s="127" t="s">
        <v>537</v>
      </c>
      <c r="K72" s="127" t="s">
        <v>61</v>
      </c>
      <c r="L72" s="124" t="s">
        <v>62</v>
      </c>
      <c r="M72" s="127" t="s">
        <v>530</v>
      </c>
      <c r="N72" s="159" t="s">
        <v>532</v>
      </c>
    </row>
    <row r="73" spans="1:14" s="68" customFormat="1" ht="210.6" x14ac:dyDescent="0.2">
      <c r="A73" s="4" t="s">
        <v>27</v>
      </c>
      <c r="B73" s="4" t="s">
        <v>2138</v>
      </c>
      <c r="C73" s="6" t="s">
        <v>55</v>
      </c>
      <c r="D73" s="4" t="s">
        <v>527</v>
      </c>
      <c r="E73" s="9">
        <v>45958</v>
      </c>
      <c r="F73" s="9">
        <v>45958</v>
      </c>
      <c r="G73" s="39" t="s">
        <v>2139</v>
      </c>
      <c r="H73" s="39" t="s">
        <v>2140</v>
      </c>
      <c r="I73" s="39" t="s">
        <v>530</v>
      </c>
      <c r="J73" s="39" t="s">
        <v>2141</v>
      </c>
      <c r="K73" s="39" t="s">
        <v>61</v>
      </c>
      <c r="L73" s="124" t="s">
        <v>62</v>
      </c>
      <c r="M73" s="39" t="s">
        <v>530</v>
      </c>
      <c r="N73" s="159" t="s">
        <v>532</v>
      </c>
    </row>
    <row r="74" spans="1:14" s="68" customFormat="1" ht="210.6" x14ac:dyDescent="0.2">
      <c r="A74" s="4" t="s">
        <v>27</v>
      </c>
      <c r="B74" s="4" t="s">
        <v>538</v>
      </c>
      <c r="C74" s="6" t="s">
        <v>55</v>
      </c>
      <c r="D74" s="4" t="s">
        <v>539</v>
      </c>
      <c r="E74" s="9">
        <v>45960</v>
      </c>
      <c r="F74" s="9">
        <v>45960</v>
      </c>
      <c r="G74" s="39" t="s">
        <v>530</v>
      </c>
      <c r="H74" s="39" t="s">
        <v>535</v>
      </c>
      <c r="I74" s="39" t="s">
        <v>536</v>
      </c>
      <c r="J74" s="39" t="s">
        <v>540</v>
      </c>
      <c r="K74" s="39" t="s">
        <v>61</v>
      </c>
      <c r="L74" s="124" t="s">
        <v>62</v>
      </c>
      <c r="M74" s="39" t="s">
        <v>530</v>
      </c>
      <c r="N74" s="159" t="s">
        <v>532</v>
      </c>
    </row>
    <row r="75" spans="1:14" s="68" customFormat="1" ht="210.6" x14ac:dyDescent="0.2">
      <c r="A75" s="4" t="s">
        <v>27</v>
      </c>
      <c r="B75" s="4" t="s">
        <v>541</v>
      </c>
      <c r="C75" s="6" t="s">
        <v>55</v>
      </c>
      <c r="D75" s="4" t="s">
        <v>542</v>
      </c>
      <c r="E75" s="9">
        <v>45964</v>
      </c>
      <c r="F75" s="9">
        <v>45964</v>
      </c>
      <c r="G75" s="39" t="s">
        <v>536</v>
      </c>
      <c r="H75" s="39" t="s">
        <v>543</v>
      </c>
      <c r="I75" s="39" t="s">
        <v>536</v>
      </c>
      <c r="J75" s="39" t="s">
        <v>544</v>
      </c>
      <c r="K75" s="39" t="s">
        <v>61</v>
      </c>
      <c r="L75" s="124" t="s">
        <v>85</v>
      </c>
      <c r="M75" s="39" t="s">
        <v>530</v>
      </c>
      <c r="N75" s="159" t="s">
        <v>532</v>
      </c>
    </row>
    <row r="76" spans="1:14" s="68" customFormat="1" ht="210.6" x14ac:dyDescent="0.2">
      <c r="A76" s="4" t="s">
        <v>27</v>
      </c>
      <c r="B76" s="4" t="s">
        <v>526</v>
      </c>
      <c r="C76" s="6" t="s">
        <v>55</v>
      </c>
      <c r="D76" s="4" t="s">
        <v>527</v>
      </c>
      <c r="E76" s="9">
        <v>45973</v>
      </c>
      <c r="F76" s="9">
        <v>45973</v>
      </c>
      <c r="G76" s="39" t="s">
        <v>528</v>
      </c>
      <c r="H76" s="39" t="s">
        <v>529</v>
      </c>
      <c r="I76" s="39" t="s">
        <v>530</v>
      </c>
      <c r="J76" s="39" t="s">
        <v>531</v>
      </c>
      <c r="K76" s="39" t="s">
        <v>61</v>
      </c>
      <c r="L76" s="124" t="s">
        <v>62</v>
      </c>
      <c r="M76" s="39" t="s">
        <v>530</v>
      </c>
      <c r="N76" s="159" t="s">
        <v>532</v>
      </c>
    </row>
    <row r="77" spans="1:14" s="68" customFormat="1" ht="82.95" customHeight="1" x14ac:dyDescent="0.2">
      <c r="A77" s="4" t="s">
        <v>28</v>
      </c>
      <c r="B77" s="4" t="s">
        <v>1637</v>
      </c>
      <c r="C77" s="6" t="s">
        <v>99</v>
      </c>
      <c r="D77" s="4" t="s">
        <v>1638</v>
      </c>
      <c r="E77" s="9">
        <v>45844</v>
      </c>
      <c r="F77" s="9">
        <v>45991</v>
      </c>
      <c r="G77" s="39" t="s">
        <v>1639</v>
      </c>
      <c r="H77" s="39" t="s">
        <v>1640</v>
      </c>
      <c r="I77" s="39" t="s">
        <v>1641</v>
      </c>
      <c r="J77" s="39" t="s">
        <v>60</v>
      </c>
      <c r="K77" s="39" t="s">
        <v>61</v>
      </c>
      <c r="L77" s="124" t="s">
        <v>85</v>
      </c>
      <c r="M77" s="39" t="s">
        <v>1641</v>
      </c>
      <c r="N77" s="159" t="s">
        <v>1642</v>
      </c>
    </row>
    <row r="78" spans="1:14" s="68" customFormat="1" ht="82.95" customHeight="1" x14ac:dyDescent="0.2">
      <c r="A78" s="14" t="s">
        <v>28</v>
      </c>
      <c r="B78" s="31" t="s">
        <v>1617</v>
      </c>
      <c r="C78" s="15" t="s">
        <v>600</v>
      </c>
      <c r="D78" s="31" t="s">
        <v>1618</v>
      </c>
      <c r="E78" s="33">
        <v>45931</v>
      </c>
      <c r="F78" s="33">
        <v>45934</v>
      </c>
      <c r="G78" s="40" t="s">
        <v>1619</v>
      </c>
      <c r="H78" s="13" t="s">
        <v>1620</v>
      </c>
      <c r="I78" s="51" t="s">
        <v>1621</v>
      </c>
      <c r="J78" s="13" t="s">
        <v>1622</v>
      </c>
      <c r="K78" s="13" t="s">
        <v>1623</v>
      </c>
      <c r="L78" s="25" t="s">
        <v>1624</v>
      </c>
      <c r="M78" s="13" t="s">
        <v>1625</v>
      </c>
      <c r="N78" s="159" t="s">
        <v>1626</v>
      </c>
    </row>
    <row r="79" spans="1:14" s="68" customFormat="1" ht="113.4" x14ac:dyDescent="0.2">
      <c r="A79" s="14" t="s">
        <v>28</v>
      </c>
      <c r="B79" s="31" t="s">
        <v>1627</v>
      </c>
      <c r="C79" s="15" t="s">
        <v>600</v>
      </c>
      <c r="D79" s="31" t="s">
        <v>1628</v>
      </c>
      <c r="E79" s="33">
        <v>45943</v>
      </c>
      <c r="F79" s="33">
        <v>45943</v>
      </c>
      <c r="G79" s="40" t="s">
        <v>1629</v>
      </c>
      <c r="H79" s="13" t="s">
        <v>1620</v>
      </c>
      <c r="I79" s="51" t="s">
        <v>1621</v>
      </c>
      <c r="J79" s="13" t="s">
        <v>1630</v>
      </c>
      <c r="K79" s="13" t="s">
        <v>1631</v>
      </c>
      <c r="L79" s="25" t="s">
        <v>85</v>
      </c>
      <c r="M79" s="13" t="s">
        <v>1625</v>
      </c>
      <c r="N79" s="159" t="s">
        <v>1632</v>
      </c>
    </row>
    <row r="80" spans="1:14" s="68" customFormat="1" ht="109.95" customHeight="1" x14ac:dyDescent="0.2">
      <c r="A80" s="4" t="s">
        <v>28</v>
      </c>
      <c r="B80" s="4" t="s">
        <v>1643</v>
      </c>
      <c r="C80" s="6" t="s">
        <v>99</v>
      </c>
      <c r="D80" s="4" t="s">
        <v>1644</v>
      </c>
      <c r="E80" s="9">
        <v>45955</v>
      </c>
      <c r="F80" s="9">
        <v>45955</v>
      </c>
      <c r="G80" s="39" t="s">
        <v>1641</v>
      </c>
      <c r="H80" s="39" t="s">
        <v>1640</v>
      </c>
      <c r="I80" s="39" t="s">
        <v>1641</v>
      </c>
      <c r="J80" s="39" t="s">
        <v>60</v>
      </c>
      <c r="K80" s="39" t="s">
        <v>61</v>
      </c>
      <c r="L80" s="124" t="s">
        <v>85</v>
      </c>
      <c r="M80" s="39" t="s">
        <v>1641</v>
      </c>
      <c r="N80" s="160"/>
    </row>
    <row r="81" spans="1:14" s="68" customFormat="1" ht="79.2" customHeight="1" x14ac:dyDescent="0.2">
      <c r="A81" s="4" t="s">
        <v>28</v>
      </c>
      <c r="B81" s="4" t="s">
        <v>1645</v>
      </c>
      <c r="C81" s="6" t="s">
        <v>99</v>
      </c>
      <c r="D81" s="4" t="s">
        <v>1646</v>
      </c>
      <c r="E81" s="9">
        <v>45962</v>
      </c>
      <c r="F81" s="9">
        <v>45962</v>
      </c>
      <c r="G81" s="39" t="s">
        <v>1641</v>
      </c>
      <c r="H81" s="39" t="s">
        <v>1640</v>
      </c>
      <c r="I81" s="39" t="s">
        <v>1641</v>
      </c>
      <c r="J81" s="39" t="s">
        <v>60</v>
      </c>
      <c r="K81" s="39" t="s">
        <v>61</v>
      </c>
      <c r="L81" s="124" t="s">
        <v>85</v>
      </c>
      <c r="M81" s="39" t="s">
        <v>1641</v>
      </c>
      <c r="N81" s="160"/>
    </row>
    <row r="82" spans="1:14" s="68" customFormat="1" ht="97.2" x14ac:dyDescent="0.2">
      <c r="A82" s="14" t="s">
        <v>28</v>
      </c>
      <c r="B82" s="31" t="s">
        <v>1633</v>
      </c>
      <c r="C82" s="15" t="s">
        <v>600</v>
      </c>
      <c r="D82" s="14" t="s">
        <v>1634</v>
      </c>
      <c r="E82" s="33">
        <v>45964</v>
      </c>
      <c r="F82" s="33">
        <v>45964</v>
      </c>
      <c r="G82" s="40" t="s">
        <v>1635</v>
      </c>
      <c r="H82" s="13" t="s">
        <v>1620</v>
      </c>
      <c r="I82" s="51" t="s">
        <v>1621</v>
      </c>
      <c r="J82" s="13" t="s">
        <v>1630</v>
      </c>
      <c r="K82" s="13" t="s">
        <v>70</v>
      </c>
      <c r="L82" s="25" t="s">
        <v>62</v>
      </c>
      <c r="M82" s="13" t="s">
        <v>1625</v>
      </c>
      <c r="N82" s="159" t="s">
        <v>1636</v>
      </c>
    </row>
    <row r="83" spans="1:14" s="68" customFormat="1" ht="79.2" x14ac:dyDescent="0.2">
      <c r="A83" s="4" t="s">
        <v>28</v>
      </c>
      <c r="B83" s="4" t="s">
        <v>1647</v>
      </c>
      <c r="C83" s="6" t="s">
        <v>99</v>
      </c>
      <c r="D83" s="4" t="s">
        <v>1648</v>
      </c>
      <c r="E83" s="9">
        <v>45964</v>
      </c>
      <c r="F83" s="9">
        <v>45964</v>
      </c>
      <c r="G83" s="39" t="s">
        <v>1641</v>
      </c>
      <c r="H83" s="39" t="s">
        <v>1640</v>
      </c>
      <c r="I83" s="39" t="s">
        <v>1641</v>
      </c>
      <c r="J83" s="39" t="s">
        <v>60</v>
      </c>
      <c r="K83" s="39" t="s">
        <v>61</v>
      </c>
      <c r="L83" s="124" t="s">
        <v>62</v>
      </c>
      <c r="M83" s="39" t="s">
        <v>1641</v>
      </c>
      <c r="N83" s="160"/>
    </row>
    <row r="84" spans="1:14" s="68" customFormat="1" ht="52.8" x14ac:dyDescent="0.2">
      <c r="A84" s="4" t="s">
        <v>28</v>
      </c>
      <c r="B84" s="4" t="s">
        <v>1645</v>
      </c>
      <c r="C84" s="6" t="s">
        <v>99</v>
      </c>
      <c r="D84" s="4" t="s">
        <v>1646</v>
      </c>
      <c r="E84" s="9">
        <v>45976</v>
      </c>
      <c r="F84" s="9">
        <v>45976</v>
      </c>
      <c r="G84" s="39" t="s">
        <v>1641</v>
      </c>
      <c r="H84" s="39" t="s">
        <v>1640</v>
      </c>
      <c r="I84" s="39" t="s">
        <v>1641</v>
      </c>
      <c r="J84" s="39" t="s">
        <v>60</v>
      </c>
      <c r="K84" s="39" t="s">
        <v>61</v>
      </c>
      <c r="L84" s="124" t="s">
        <v>85</v>
      </c>
      <c r="M84" s="39" t="s">
        <v>1641</v>
      </c>
      <c r="N84" s="160"/>
    </row>
    <row r="85" spans="1:14" s="68" customFormat="1" ht="81" x14ac:dyDescent="0.2">
      <c r="A85" s="11" t="s">
        <v>29</v>
      </c>
      <c r="B85" s="11" t="s">
        <v>1649</v>
      </c>
      <c r="C85" s="12" t="s">
        <v>55</v>
      </c>
      <c r="D85" s="18" t="s">
        <v>1650</v>
      </c>
      <c r="E85" s="69">
        <v>45856</v>
      </c>
      <c r="F85" s="69">
        <v>45929</v>
      </c>
      <c r="G85" s="50" t="s">
        <v>1651</v>
      </c>
      <c r="H85" s="50" t="s">
        <v>1652</v>
      </c>
      <c r="I85" s="49" t="s">
        <v>1653</v>
      </c>
      <c r="J85" s="50" t="s">
        <v>60</v>
      </c>
      <c r="K85" s="50" t="s">
        <v>61</v>
      </c>
      <c r="L85" s="70" t="s">
        <v>85</v>
      </c>
      <c r="M85" s="50" t="s">
        <v>1654</v>
      </c>
      <c r="N85" s="159" t="s">
        <v>1655</v>
      </c>
    </row>
    <row r="86" spans="1:14" s="68" customFormat="1" ht="92.4" customHeight="1" x14ac:dyDescent="0.2">
      <c r="A86" s="11" t="s">
        <v>29</v>
      </c>
      <c r="B86" s="11" t="s">
        <v>1656</v>
      </c>
      <c r="C86" s="12" t="s">
        <v>55</v>
      </c>
      <c r="D86" s="18" t="s">
        <v>1657</v>
      </c>
      <c r="E86" s="69">
        <v>45954</v>
      </c>
      <c r="F86" s="69">
        <v>45977</v>
      </c>
      <c r="G86" s="50" t="s">
        <v>1651</v>
      </c>
      <c r="H86" s="50" t="s">
        <v>1652</v>
      </c>
      <c r="I86" s="49" t="s">
        <v>1653</v>
      </c>
      <c r="J86" s="50" t="s">
        <v>60</v>
      </c>
      <c r="K86" s="50" t="s">
        <v>61</v>
      </c>
      <c r="L86" s="70" t="s">
        <v>85</v>
      </c>
      <c r="M86" s="50" t="s">
        <v>1654</v>
      </c>
      <c r="N86" s="159" t="s">
        <v>1655</v>
      </c>
    </row>
    <row r="87" spans="1:14" s="68" customFormat="1" ht="81" x14ac:dyDescent="0.2">
      <c r="A87" s="11" t="s">
        <v>29</v>
      </c>
      <c r="B87" s="11" t="s">
        <v>1658</v>
      </c>
      <c r="C87" s="12" t="s">
        <v>55</v>
      </c>
      <c r="D87" s="18" t="s">
        <v>1659</v>
      </c>
      <c r="E87" s="69">
        <v>45963</v>
      </c>
      <c r="F87" s="69">
        <v>45963</v>
      </c>
      <c r="G87" s="49" t="s">
        <v>1660</v>
      </c>
      <c r="H87" s="50" t="s">
        <v>1652</v>
      </c>
      <c r="I87" s="49" t="s">
        <v>1653</v>
      </c>
      <c r="J87" s="50" t="s">
        <v>60</v>
      </c>
      <c r="K87" s="50" t="s">
        <v>61</v>
      </c>
      <c r="L87" s="70" t="s">
        <v>62</v>
      </c>
      <c r="M87" s="50" t="s">
        <v>1654</v>
      </c>
      <c r="N87" s="159" t="s">
        <v>1655</v>
      </c>
    </row>
    <row r="88" spans="1:14" s="68" customFormat="1" ht="175.95" customHeight="1" x14ac:dyDescent="0.2">
      <c r="A88" s="205" t="s">
        <v>242</v>
      </c>
      <c r="B88" s="205" t="s">
        <v>243</v>
      </c>
      <c r="C88" s="210" t="s">
        <v>99</v>
      </c>
      <c r="D88" s="205" t="s">
        <v>244</v>
      </c>
      <c r="E88" s="211">
        <v>45976</v>
      </c>
      <c r="F88" s="211">
        <v>45976</v>
      </c>
      <c r="G88" s="53" t="s">
        <v>245</v>
      </c>
      <c r="H88" s="53" t="s">
        <v>246</v>
      </c>
      <c r="I88" s="53" t="s">
        <v>247</v>
      </c>
      <c r="J88" s="53" t="s">
        <v>239</v>
      </c>
      <c r="K88" s="53" t="s">
        <v>61</v>
      </c>
      <c r="L88" s="212" t="s">
        <v>85</v>
      </c>
      <c r="M88" s="78" t="s">
        <v>2171</v>
      </c>
      <c r="N88" s="26" t="s">
        <v>2165</v>
      </c>
    </row>
    <row r="89" spans="1:14" s="68" customFormat="1" ht="190.2" customHeight="1" x14ac:dyDescent="0.2">
      <c r="A89" s="11" t="s">
        <v>29</v>
      </c>
      <c r="B89" s="11" t="s">
        <v>1661</v>
      </c>
      <c r="C89" s="12" t="s">
        <v>55</v>
      </c>
      <c r="D89" s="18" t="s">
        <v>1662</v>
      </c>
      <c r="E89" s="69">
        <v>45977</v>
      </c>
      <c r="F89" s="69">
        <v>45991</v>
      </c>
      <c r="G89" s="50" t="s">
        <v>1660</v>
      </c>
      <c r="H89" s="50" t="s">
        <v>1652</v>
      </c>
      <c r="I89" s="50" t="s">
        <v>1653</v>
      </c>
      <c r="J89" s="50" t="s">
        <v>1663</v>
      </c>
      <c r="K89" s="50" t="s">
        <v>70</v>
      </c>
      <c r="L89" s="70" t="s">
        <v>62</v>
      </c>
      <c r="M89" s="50" t="s">
        <v>1654</v>
      </c>
      <c r="N89" s="159" t="s">
        <v>1655</v>
      </c>
    </row>
    <row r="90" spans="1:14" s="68" customFormat="1" ht="194.4" x14ac:dyDescent="0.2">
      <c r="A90" s="4" t="s">
        <v>30</v>
      </c>
      <c r="B90" s="4" t="s">
        <v>165</v>
      </c>
      <c r="C90" s="7" t="s">
        <v>55</v>
      </c>
      <c r="D90" s="4" t="s">
        <v>166</v>
      </c>
      <c r="E90" s="9">
        <v>45917</v>
      </c>
      <c r="F90" s="9">
        <v>45978</v>
      </c>
      <c r="G90" s="39" t="s">
        <v>167</v>
      </c>
      <c r="H90" s="39" t="s">
        <v>167</v>
      </c>
      <c r="I90" s="39" t="s">
        <v>168</v>
      </c>
      <c r="J90" s="39" t="s">
        <v>169</v>
      </c>
      <c r="K90" s="39" t="s">
        <v>61</v>
      </c>
      <c r="L90" s="10" t="s">
        <v>62</v>
      </c>
      <c r="M90" s="39" t="s">
        <v>170</v>
      </c>
      <c r="N90" s="159" t="s">
        <v>171</v>
      </c>
    </row>
    <row r="91" spans="1:14" s="68" customFormat="1" ht="155.4" customHeight="1" x14ac:dyDescent="0.2">
      <c r="A91" s="4" t="s">
        <v>30</v>
      </c>
      <c r="B91" s="4" t="s">
        <v>161</v>
      </c>
      <c r="C91" s="7" t="s">
        <v>55</v>
      </c>
      <c r="D91" s="4" t="s">
        <v>162</v>
      </c>
      <c r="E91" s="9">
        <v>45930</v>
      </c>
      <c r="F91" s="9">
        <v>46049</v>
      </c>
      <c r="G91" s="39" t="s">
        <v>163</v>
      </c>
      <c r="H91" s="39"/>
      <c r="I91" s="39" t="s">
        <v>146</v>
      </c>
      <c r="J91" s="39" t="s">
        <v>154</v>
      </c>
      <c r="K91" s="39" t="s">
        <v>70</v>
      </c>
      <c r="L91" s="10" t="s">
        <v>62</v>
      </c>
      <c r="M91" s="39" t="s">
        <v>147</v>
      </c>
      <c r="N91" s="159" t="s">
        <v>164</v>
      </c>
    </row>
    <row r="92" spans="1:14" s="68" customFormat="1" ht="190.8" customHeight="1" x14ac:dyDescent="0.2">
      <c r="A92" s="4" t="s">
        <v>30</v>
      </c>
      <c r="B92" s="4" t="s">
        <v>156</v>
      </c>
      <c r="C92" s="7" t="s">
        <v>55</v>
      </c>
      <c r="D92" s="4" t="s">
        <v>157</v>
      </c>
      <c r="E92" s="9">
        <v>45969</v>
      </c>
      <c r="F92" s="9">
        <v>46011</v>
      </c>
      <c r="G92" s="39" t="s">
        <v>158</v>
      </c>
      <c r="H92" s="39" t="s">
        <v>159</v>
      </c>
      <c r="I92" s="39" t="s">
        <v>146</v>
      </c>
      <c r="J92" s="39" t="s">
        <v>154</v>
      </c>
      <c r="K92" s="39" t="s">
        <v>70</v>
      </c>
      <c r="L92" s="10" t="s">
        <v>62</v>
      </c>
      <c r="M92" s="39" t="s">
        <v>147</v>
      </c>
      <c r="N92" s="159" t="s">
        <v>160</v>
      </c>
    </row>
    <row r="93" spans="1:14" s="68" customFormat="1" ht="172.8" customHeight="1" x14ac:dyDescent="0.2">
      <c r="A93" s="4" t="s">
        <v>30</v>
      </c>
      <c r="B93" s="4" t="s">
        <v>2202</v>
      </c>
      <c r="C93" s="7" t="s">
        <v>55</v>
      </c>
      <c r="D93" s="4" t="s">
        <v>2203</v>
      </c>
      <c r="E93" s="9">
        <v>45905</v>
      </c>
      <c r="F93" s="9">
        <v>45970</v>
      </c>
      <c r="G93" s="39" t="s">
        <v>2204</v>
      </c>
      <c r="H93" s="39" t="s">
        <v>2205</v>
      </c>
      <c r="I93" s="39" t="s">
        <v>2206</v>
      </c>
      <c r="J93" s="39" t="s">
        <v>60</v>
      </c>
      <c r="K93" s="39" t="s">
        <v>70</v>
      </c>
      <c r="L93" s="10" t="s">
        <v>85</v>
      </c>
      <c r="M93" s="39" t="s">
        <v>2206</v>
      </c>
      <c r="N93" s="159"/>
    </row>
    <row r="94" spans="1:14" s="68" customFormat="1" ht="85.2" customHeight="1" x14ac:dyDescent="0.2">
      <c r="A94" s="4" t="s">
        <v>31</v>
      </c>
      <c r="B94" s="4" t="s">
        <v>548</v>
      </c>
      <c r="C94" s="7" t="s">
        <v>549</v>
      </c>
      <c r="D94" s="4" t="s">
        <v>550</v>
      </c>
      <c r="E94" s="9">
        <v>45920</v>
      </c>
      <c r="F94" s="9">
        <v>45950</v>
      </c>
      <c r="G94" s="39" t="s">
        <v>551</v>
      </c>
      <c r="H94" s="39" t="s">
        <v>552</v>
      </c>
      <c r="I94" s="39" t="s">
        <v>553</v>
      </c>
      <c r="J94" s="39" t="s">
        <v>554</v>
      </c>
      <c r="K94" s="39" t="s">
        <v>61</v>
      </c>
      <c r="L94" s="10" t="s">
        <v>85</v>
      </c>
      <c r="M94" s="39" t="s">
        <v>555</v>
      </c>
      <c r="N94" s="160"/>
    </row>
    <row r="95" spans="1:14" s="68" customFormat="1" ht="66" x14ac:dyDescent="0.2">
      <c r="A95" s="4" t="s">
        <v>31</v>
      </c>
      <c r="B95" s="4" t="s">
        <v>556</v>
      </c>
      <c r="C95" s="7" t="s">
        <v>549</v>
      </c>
      <c r="D95" s="4" t="s">
        <v>557</v>
      </c>
      <c r="E95" s="9">
        <v>45949</v>
      </c>
      <c r="F95" s="9">
        <v>45949</v>
      </c>
      <c r="G95" s="39" t="s">
        <v>558</v>
      </c>
      <c r="H95" s="39" t="s">
        <v>559</v>
      </c>
      <c r="I95" s="39" t="s">
        <v>553</v>
      </c>
      <c r="J95" s="39" t="s">
        <v>115</v>
      </c>
      <c r="K95" s="39" t="s">
        <v>61</v>
      </c>
      <c r="L95" s="10" t="s">
        <v>85</v>
      </c>
      <c r="M95" s="39" t="s">
        <v>555</v>
      </c>
      <c r="N95" s="160"/>
    </row>
    <row r="96" spans="1:14" s="68" customFormat="1" ht="63" customHeight="1" x14ac:dyDescent="0.2">
      <c r="A96" s="4" t="s">
        <v>31</v>
      </c>
      <c r="B96" s="4" t="s">
        <v>54</v>
      </c>
      <c r="C96" s="7" t="s">
        <v>55</v>
      </c>
      <c r="D96" s="4" t="s">
        <v>56</v>
      </c>
      <c r="E96" s="9">
        <v>45955</v>
      </c>
      <c r="F96" s="9">
        <v>45955</v>
      </c>
      <c r="G96" s="39" t="s">
        <v>57</v>
      </c>
      <c r="H96" s="39" t="s">
        <v>58</v>
      </c>
      <c r="I96" s="39" t="s">
        <v>59</v>
      </c>
      <c r="J96" s="39" t="s">
        <v>60</v>
      </c>
      <c r="K96" s="39" t="s">
        <v>61</v>
      </c>
      <c r="L96" s="10" t="s">
        <v>62</v>
      </c>
      <c r="M96" s="39" t="s">
        <v>59</v>
      </c>
      <c r="N96" s="159" t="s">
        <v>63</v>
      </c>
    </row>
    <row r="97" spans="1:14" s="68" customFormat="1" ht="108" customHeight="1" x14ac:dyDescent="0.2">
      <c r="A97" s="11" t="s">
        <v>31</v>
      </c>
      <c r="B97" s="11" t="s">
        <v>117</v>
      </c>
      <c r="C97" s="12" t="s">
        <v>80</v>
      </c>
      <c r="D97" s="11" t="s">
        <v>118</v>
      </c>
      <c r="E97" s="37" t="s">
        <v>119</v>
      </c>
      <c r="F97" s="37" t="s">
        <v>119</v>
      </c>
      <c r="G97" s="39" t="s">
        <v>120</v>
      </c>
      <c r="H97" s="39" t="s">
        <v>121</v>
      </c>
      <c r="I97" s="39" t="s">
        <v>122</v>
      </c>
      <c r="J97" s="39" t="s">
        <v>123</v>
      </c>
      <c r="K97" s="39" t="s">
        <v>61</v>
      </c>
      <c r="L97" s="10" t="s">
        <v>116</v>
      </c>
      <c r="M97" s="39" t="s">
        <v>124</v>
      </c>
      <c r="N97" s="179"/>
    </row>
    <row r="98" spans="1:14" s="68" customFormat="1" ht="108" customHeight="1" x14ac:dyDescent="0.2">
      <c r="A98" s="11" t="s">
        <v>32</v>
      </c>
      <c r="B98" s="11" t="s">
        <v>64</v>
      </c>
      <c r="C98" s="12" t="s">
        <v>55</v>
      </c>
      <c r="D98" s="11" t="s">
        <v>65</v>
      </c>
      <c r="E98" s="69">
        <v>45907</v>
      </c>
      <c r="F98" s="69">
        <v>46012</v>
      </c>
      <c r="G98" s="50" t="s">
        <v>66</v>
      </c>
      <c r="H98" s="50" t="s">
        <v>67</v>
      </c>
      <c r="I98" s="49" t="s">
        <v>68</v>
      </c>
      <c r="J98" s="50" t="s">
        <v>69</v>
      </c>
      <c r="K98" s="50" t="s">
        <v>70</v>
      </c>
      <c r="L98" s="70" t="s">
        <v>62</v>
      </c>
      <c r="M98" s="50" t="s">
        <v>71</v>
      </c>
      <c r="N98" s="171" t="s">
        <v>72</v>
      </c>
    </row>
    <row r="99" spans="1:14" s="68" customFormat="1" ht="39.6" x14ac:dyDescent="0.2">
      <c r="A99" s="4" t="s">
        <v>32</v>
      </c>
      <c r="B99" s="4" t="s">
        <v>560</v>
      </c>
      <c r="C99" s="7" t="s">
        <v>55</v>
      </c>
      <c r="D99" s="4" t="s">
        <v>561</v>
      </c>
      <c r="E99" s="9">
        <v>45918</v>
      </c>
      <c r="F99" s="9">
        <v>45918</v>
      </c>
      <c r="G99" s="39" t="s">
        <v>562</v>
      </c>
      <c r="H99" s="39" t="s">
        <v>563</v>
      </c>
      <c r="I99" s="39" t="s">
        <v>562</v>
      </c>
      <c r="J99" s="39" t="s">
        <v>115</v>
      </c>
      <c r="K99" s="39" t="s">
        <v>61</v>
      </c>
      <c r="L99" s="10" t="s">
        <v>62</v>
      </c>
      <c r="M99" s="39" t="s">
        <v>564</v>
      </c>
      <c r="N99" s="169"/>
    </row>
    <row r="100" spans="1:14" s="68" customFormat="1" ht="79.2" x14ac:dyDescent="0.2">
      <c r="A100" s="4" t="s">
        <v>32</v>
      </c>
      <c r="B100" s="4" t="s">
        <v>565</v>
      </c>
      <c r="C100" s="7" t="s">
        <v>55</v>
      </c>
      <c r="D100" s="4" t="s">
        <v>566</v>
      </c>
      <c r="E100" s="9">
        <v>45970</v>
      </c>
      <c r="F100" s="9">
        <v>45970</v>
      </c>
      <c r="G100" s="39" t="s">
        <v>562</v>
      </c>
      <c r="H100" s="39" t="s">
        <v>567</v>
      </c>
      <c r="I100" s="39" t="s">
        <v>562</v>
      </c>
      <c r="J100" s="39" t="s">
        <v>568</v>
      </c>
      <c r="K100" s="39" t="s">
        <v>61</v>
      </c>
      <c r="L100" s="10" t="s">
        <v>62</v>
      </c>
      <c r="M100" s="39" t="s">
        <v>562</v>
      </c>
      <c r="N100" s="169"/>
    </row>
    <row r="101" spans="1:14" s="68" customFormat="1" ht="92.4" x14ac:dyDescent="0.2">
      <c r="A101" s="11" t="s">
        <v>33</v>
      </c>
      <c r="B101" s="11" t="s">
        <v>1664</v>
      </c>
      <c r="C101" s="12" t="s">
        <v>99</v>
      </c>
      <c r="D101" s="11" t="s">
        <v>1665</v>
      </c>
      <c r="E101" s="69">
        <v>45971</v>
      </c>
      <c r="F101" s="69">
        <v>45971</v>
      </c>
      <c r="G101" s="50" t="s">
        <v>1666</v>
      </c>
      <c r="H101" s="50" t="s">
        <v>1667</v>
      </c>
      <c r="I101" s="49" t="s">
        <v>1584</v>
      </c>
      <c r="J101" s="50" t="s">
        <v>60</v>
      </c>
      <c r="K101" s="50" t="s">
        <v>70</v>
      </c>
      <c r="L101" s="70" t="s">
        <v>62</v>
      </c>
      <c r="M101" s="50" t="s">
        <v>1585</v>
      </c>
      <c r="N101" s="170" t="s">
        <v>1586</v>
      </c>
    </row>
    <row r="102" spans="1:14" s="68" customFormat="1" ht="129.6" x14ac:dyDescent="0.2">
      <c r="A102" s="4" t="s">
        <v>34</v>
      </c>
      <c r="B102" s="4" t="s">
        <v>133</v>
      </c>
      <c r="C102" s="7" t="s">
        <v>55</v>
      </c>
      <c r="D102" s="4" t="s">
        <v>134</v>
      </c>
      <c r="E102" s="9">
        <v>45948</v>
      </c>
      <c r="F102" s="9">
        <v>45948</v>
      </c>
      <c r="G102" s="39" t="s">
        <v>135</v>
      </c>
      <c r="H102" s="39" t="s">
        <v>136</v>
      </c>
      <c r="I102" s="39" t="s">
        <v>137</v>
      </c>
      <c r="J102" s="39" t="s">
        <v>138</v>
      </c>
      <c r="K102" s="39" t="s">
        <v>139</v>
      </c>
      <c r="L102" s="10" t="s">
        <v>62</v>
      </c>
      <c r="M102" s="39" t="s">
        <v>140</v>
      </c>
      <c r="N102" s="170" t="s">
        <v>141</v>
      </c>
    </row>
    <row r="103" spans="1:14" s="68" customFormat="1" ht="113.4" x14ac:dyDescent="0.2">
      <c r="A103" s="14" t="s">
        <v>35</v>
      </c>
      <c r="B103" s="14" t="s">
        <v>1668</v>
      </c>
      <c r="C103" s="16" t="s">
        <v>600</v>
      </c>
      <c r="D103" s="14" t="s">
        <v>1669</v>
      </c>
      <c r="E103" s="33">
        <v>45941</v>
      </c>
      <c r="F103" s="33">
        <v>45941</v>
      </c>
      <c r="G103" s="13" t="s">
        <v>1670</v>
      </c>
      <c r="H103" s="13" t="s">
        <v>1671</v>
      </c>
      <c r="I103" s="13" t="s">
        <v>1672</v>
      </c>
      <c r="J103" s="13" t="s">
        <v>1673</v>
      </c>
      <c r="K103" s="13" t="s">
        <v>70</v>
      </c>
      <c r="L103" s="17" t="s">
        <v>62</v>
      </c>
      <c r="M103" s="13" t="s">
        <v>1674</v>
      </c>
      <c r="N103" s="170" t="s">
        <v>1675</v>
      </c>
    </row>
    <row r="104" spans="1:14" ht="113.4" x14ac:dyDescent="0.2">
      <c r="A104" s="14" t="s">
        <v>35</v>
      </c>
      <c r="B104" s="14" t="s">
        <v>1676</v>
      </c>
      <c r="C104" s="16" t="s">
        <v>600</v>
      </c>
      <c r="D104" s="14" t="s">
        <v>1677</v>
      </c>
      <c r="E104" s="33">
        <v>45942</v>
      </c>
      <c r="F104" s="33">
        <v>45942</v>
      </c>
      <c r="G104" s="13" t="s">
        <v>1678</v>
      </c>
      <c r="H104" s="13" t="s">
        <v>1671</v>
      </c>
      <c r="I104" s="13" t="s">
        <v>1672</v>
      </c>
      <c r="J104" s="13" t="s">
        <v>1679</v>
      </c>
      <c r="K104" s="13" t="s">
        <v>70</v>
      </c>
      <c r="L104" s="17" t="s">
        <v>62</v>
      </c>
      <c r="M104" s="13" t="s">
        <v>1674</v>
      </c>
      <c r="N104" s="170" t="s">
        <v>1675</v>
      </c>
    </row>
    <row r="105" spans="1:14" ht="113.4" x14ac:dyDescent="0.2">
      <c r="A105" s="14" t="s">
        <v>35</v>
      </c>
      <c r="B105" s="14" t="s">
        <v>1680</v>
      </c>
      <c r="C105" s="16" t="s">
        <v>600</v>
      </c>
      <c r="D105" s="14" t="s">
        <v>1681</v>
      </c>
      <c r="E105" s="33">
        <v>45948</v>
      </c>
      <c r="F105" s="33">
        <v>45948</v>
      </c>
      <c r="G105" s="13" t="s">
        <v>1682</v>
      </c>
      <c r="H105" s="13" t="s">
        <v>1671</v>
      </c>
      <c r="I105" s="13" t="s">
        <v>1672</v>
      </c>
      <c r="J105" s="13" t="s">
        <v>1673</v>
      </c>
      <c r="K105" s="13" t="s">
        <v>61</v>
      </c>
      <c r="L105" s="17" t="s">
        <v>62</v>
      </c>
      <c r="M105" s="13" t="s">
        <v>1674</v>
      </c>
      <c r="N105" s="170" t="s">
        <v>1675</v>
      </c>
    </row>
    <row r="106" spans="1:14" ht="113.4" x14ac:dyDescent="0.2">
      <c r="A106" s="14" t="s">
        <v>35</v>
      </c>
      <c r="B106" s="14" t="s">
        <v>1683</v>
      </c>
      <c r="C106" s="16" t="s">
        <v>600</v>
      </c>
      <c r="D106" s="14" t="s">
        <v>1684</v>
      </c>
      <c r="E106" s="33">
        <v>45957</v>
      </c>
      <c r="F106" s="33">
        <v>45957</v>
      </c>
      <c r="G106" s="13" t="s">
        <v>1685</v>
      </c>
      <c r="H106" s="13" t="s">
        <v>1671</v>
      </c>
      <c r="I106" s="13" t="s">
        <v>1672</v>
      </c>
      <c r="J106" s="13" t="s">
        <v>1045</v>
      </c>
      <c r="K106" s="13" t="s">
        <v>70</v>
      </c>
      <c r="L106" s="17" t="s">
        <v>62</v>
      </c>
      <c r="M106" s="13" t="s">
        <v>1674</v>
      </c>
      <c r="N106" s="170" t="s">
        <v>1675</v>
      </c>
    </row>
  </sheetData>
  <autoFilter ref="A2:N106"/>
  <mergeCells count="1">
    <mergeCell ref="A1:N1"/>
  </mergeCells>
  <phoneticPr fontId="2"/>
  <dataValidations count="1">
    <dataValidation type="list" allowBlank="1" showInputMessage="1" showErrorMessage="1" sqref="K3:K106">
      <formula1>"有料,無料,その他"</formula1>
    </dataValidation>
  </dataValidations>
  <hyperlinks>
    <hyperlink ref="N3" r:id="rId1"/>
    <hyperlink ref="N5" r:id="rId2"/>
    <hyperlink ref="N6" r:id="rId3"/>
    <hyperlink ref="N7" r:id="rId4"/>
    <hyperlink ref="N8" r:id="rId5"/>
    <hyperlink ref="N9" r:id="rId6"/>
    <hyperlink ref="N10" r:id="rId7"/>
    <hyperlink ref="N11" r:id="rId8"/>
    <hyperlink ref="N12" r:id="rId9"/>
    <hyperlink ref="N13" r:id="rId10"/>
    <hyperlink ref="N14" r:id="rId11"/>
    <hyperlink ref="N15" r:id="rId12"/>
    <hyperlink ref="N16" r:id="rId13"/>
    <hyperlink ref="N17" r:id="rId14"/>
    <hyperlink ref="N18" r:id="rId15"/>
    <hyperlink ref="N19" r:id="rId16"/>
    <hyperlink ref="N20" r:id="rId17"/>
    <hyperlink ref="N21" r:id="rId18"/>
    <hyperlink ref="N22" r:id="rId19"/>
    <hyperlink ref="N23" r:id="rId20"/>
    <hyperlink ref="N24" r:id="rId21"/>
    <hyperlink ref="N25" r:id="rId22"/>
    <hyperlink ref="N26" r:id="rId23"/>
    <hyperlink ref="N27" r:id="rId24"/>
    <hyperlink ref="N28" r:id="rId25"/>
    <hyperlink ref="N29" r:id="rId26"/>
    <hyperlink ref="N30" r:id="rId27"/>
    <hyperlink ref="N31" r:id="rId28"/>
    <hyperlink ref="N32" r:id="rId29"/>
    <hyperlink ref="N33" r:id="rId30"/>
    <hyperlink ref="N34" r:id="rId31"/>
    <hyperlink ref="N35" r:id="rId32"/>
    <hyperlink ref="N36" r:id="rId33"/>
    <hyperlink ref="N37" r:id="rId34"/>
    <hyperlink ref="N38" r:id="rId35"/>
    <hyperlink ref="N39" r:id="rId36"/>
    <hyperlink ref="N40" r:id="rId37"/>
    <hyperlink ref="N41" r:id="rId38"/>
    <hyperlink ref="N42" r:id="rId39"/>
    <hyperlink ref="N43" r:id="rId40"/>
    <hyperlink ref="N44" r:id="rId41"/>
    <hyperlink ref="N45" r:id="rId42"/>
    <hyperlink ref="N46" r:id="rId43"/>
    <hyperlink ref="N47" r:id="rId44"/>
    <hyperlink ref="N48" r:id="rId45"/>
    <hyperlink ref="N49" r:id="rId46"/>
    <hyperlink ref="N50" r:id="rId47"/>
    <hyperlink ref="N51" r:id="rId48"/>
    <hyperlink ref="N52" r:id="rId49"/>
    <hyperlink ref="N56" r:id="rId50"/>
    <hyperlink ref="N57" r:id="rId51"/>
    <hyperlink ref="N58" r:id="rId52"/>
    <hyperlink ref="N59" r:id="rId53"/>
    <hyperlink ref="N60" r:id="rId54"/>
    <hyperlink ref="N61" r:id="rId55"/>
    <hyperlink ref="N62" r:id="rId56"/>
    <hyperlink ref="N63" r:id="rId57"/>
    <hyperlink ref="N64" r:id="rId58" display="https://ferris-concert.studio.site/"/>
    <hyperlink ref="N65" r:id="rId59"/>
    <hyperlink ref="N66" r:id="rId60"/>
    <hyperlink ref="N67" r:id="rId61"/>
    <hyperlink ref="N68" r:id="rId62"/>
    <hyperlink ref="N69" r:id="rId63" display="https://ferris-concert.studio.site/"/>
    <hyperlink ref="N70" r:id="rId64"/>
    <hyperlink ref="N71" r:id="rId65"/>
    <hyperlink ref="N72" r:id="rId66"/>
    <hyperlink ref="N73" r:id="rId67"/>
    <hyperlink ref="N74" r:id="rId68"/>
    <hyperlink ref="N75" r:id="rId69"/>
    <hyperlink ref="N76" r:id="rId70"/>
    <hyperlink ref="N77" r:id="rId71"/>
    <hyperlink ref="N78" r:id="rId72"/>
    <hyperlink ref="N79" r:id="rId73" display="https://www.kanagawa-park.or.jp/hodogaya/"/>
    <hyperlink ref="N82" r:id="rId74"/>
    <hyperlink ref="N85" r:id="rId75"/>
    <hyperlink ref="N86" r:id="rId76"/>
    <hyperlink ref="N87" r:id="rId77"/>
    <hyperlink ref="N89" r:id="rId78"/>
    <hyperlink ref="N90" r:id="rId79"/>
    <hyperlink ref="N91" r:id="rId80"/>
    <hyperlink ref="N96" r:id="rId81"/>
    <hyperlink ref="N98" r:id="rId82"/>
    <hyperlink ref="N101" r:id="rId83"/>
    <hyperlink ref="N102" r:id="rId84"/>
    <hyperlink ref="N103" r:id="rId85" display="https://kanagawa-park.or.jp/sakaigawa/"/>
    <hyperlink ref="N104" r:id="rId86" display="https://kanagawa-park.or.jp/sakaigawa/"/>
    <hyperlink ref="N105" r:id="rId87" display="https://kanagawa-park.or.jp/sakaigawa/"/>
    <hyperlink ref="N106" r:id="rId88" display="https://kanagawa-park.or.jp/sakaigawa/"/>
  </hyperlinks>
  <pageMargins left="0.23622047244094491" right="0.23622047244094491" top="0.74803149606299213" bottom="0.74803149606299213" header="0.31496062992125984" footer="0.31496062992125984"/>
  <pageSetup paperSize="9" scale="50" fitToHeight="0" orientation="portrait" r:id="rId89"/>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2">
    <pageSetUpPr fitToPage="1"/>
  </sheetPr>
  <dimension ref="A1:N5"/>
  <sheetViews>
    <sheetView zoomScale="80" zoomScaleNormal="80" workbookViewId="0">
      <pane ySplit="2" topLeftCell="A3" activePane="bottomLeft" state="frozen"/>
      <selection activeCell="Q5" sqref="Q5"/>
      <selection pane="bottomLeft" activeCell="Q5" sqref="Q5"/>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40.200000000000003" thickTop="1" x14ac:dyDescent="0.2">
      <c r="A3" s="11" t="s">
        <v>1307</v>
      </c>
      <c r="B3" s="11" t="s">
        <v>1308</v>
      </c>
      <c r="C3" s="12" t="s">
        <v>99</v>
      </c>
      <c r="D3" s="11" t="s">
        <v>1309</v>
      </c>
      <c r="E3" s="69">
        <v>45935</v>
      </c>
      <c r="F3" s="69">
        <v>45935</v>
      </c>
      <c r="G3" s="50" t="s">
        <v>1310</v>
      </c>
      <c r="H3" s="50" t="s">
        <v>1311</v>
      </c>
      <c r="I3" s="49" t="s">
        <v>1312</v>
      </c>
      <c r="J3" s="50" t="s">
        <v>1313</v>
      </c>
      <c r="K3" s="50" t="s">
        <v>981</v>
      </c>
      <c r="L3" s="70" t="s">
        <v>85</v>
      </c>
      <c r="M3" s="50" t="s">
        <v>1314</v>
      </c>
      <c r="N3" s="160"/>
    </row>
    <row r="4" spans="1:14" s="68" customFormat="1" ht="52.8" x14ac:dyDescent="0.2">
      <c r="A4" s="11" t="s">
        <v>1307</v>
      </c>
      <c r="B4" s="11" t="s">
        <v>1315</v>
      </c>
      <c r="C4" s="12" t="s">
        <v>99</v>
      </c>
      <c r="D4" s="11" t="s">
        <v>1316</v>
      </c>
      <c r="E4" s="69">
        <v>45946</v>
      </c>
      <c r="F4" s="69">
        <v>45978</v>
      </c>
      <c r="G4" s="50" t="s">
        <v>1317</v>
      </c>
      <c r="H4" s="50" t="s">
        <v>1318</v>
      </c>
      <c r="I4" s="50" t="s">
        <v>1319</v>
      </c>
      <c r="J4" s="50" t="s">
        <v>1320</v>
      </c>
      <c r="K4" s="50" t="s">
        <v>61</v>
      </c>
      <c r="L4" s="70" t="s">
        <v>85</v>
      </c>
      <c r="M4" s="50" t="s">
        <v>1319</v>
      </c>
      <c r="N4" s="160"/>
    </row>
    <row r="5" spans="1:14" s="68" customFormat="1" ht="356.4" x14ac:dyDescent="0.2">
      <c r="A5" s="4" t="s">
        <v>14</v>
      </c>
      <c r="B5" s="4" t="s">
        <v>88</v>
      </c>
      <c r="C5" s="7" t="s">
        <v>89</v>
      </c>
      <c r="D5" s="4" t="s">
        <v>90</v>
      </c>
      <c r="E5" s="9">
        <v>45964</v>
      </c>
      <c r="F5" s="9">
        <v>45964</v>
      </c>
      <c r="G5" s="39" t="s">
        <v>91</v>
      </c>
      <c r="H5" s="39" t="s">
        <v>92</v>
      </c>
      <c r="I5" s="39" t="s">
        <v>93</v>
      </c>
      <c r="J5" s="39" t="s">
        <v>94</v>
      </c>
      <c r="K5" s="39" t="s">
        <v>61</v>
      </c>
      <c r="L5" s="10" t="s">
        <v>62</v>
      </c>
      <c r="M5" s="39" t="s">
        <v>95</v>
      </c>
      <c r="N5" s="159" t="s">
        <v>96</v>
      </c>
    </row>
  </sheetData>
  <mergeCells count="1">
    <mergeCell ref="A1:N1"/>
  </mergeCells>
  <phoneticPr fontId="2"/>
  <dataValidations count="1">
    <dataValidation type="list" allowBlank="1" showInputMessage="1" showErrorMessage="1" sqref="K3:K5">
      <formula1>"有料,無料,その他"</formula1>
    </dataValidation>
  </dataValidations>
  <hyperlinks>
    <hyperlink ref="N5" r:id="rId1"/>
  </hyperlinks>
  <pageMargins left="0.23622047244094491" right="0.23622047244094491" top="0.74803149606299213" bottom="0.74803149606299213" header="0.31496062992125984" footer="0.31496062992125984"/>
  <pageSetup paperSize="9" scale="50" fitToHeight="0" orientation="portrait" r:id="rId2"/>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3">
    <pageSetUpPr fitToPage="1"/>
  </sheetPr>
  <dimension ref="A1:N4"/>
  <sheetViews>
    <sheetView zoomScale="80" zoomScaleNormal="80" workbookViewId="0">
      <pane ySplit="2" topLeftCell="A3" activePane="bottomLeft" state="frozen"/>
      <selection activeCell="Q5" sqref="Q5"/>
      <selection pane="bottomLeft" activeCell="J4" sqref="J4"/>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89.4" customHeight="1" thickTop="1" x14ac:dyDescent="0.2">
      <c r="A3" s="11" t="s">
        <v>1321</v>
      </c>
      <c r="B3" s="11" t="s">
        <v>1322</v>
      </c>
      <c r="C3" s="12" t="s">
        <v>600</v>
      </c>
      <c r="D3" s="11" t="s">
        <v>1323</v>
      </c>
      <c r="E3" s="69">
        <v>45943</v>
      </c>
      <c r="F3" s="69">
        <v>45943</v>
      </c>
      <c r="G3" s="50" t="s">
        <v>1324</v>
      </c>
      <c r="H3" s="50" t="s">
        <v>1325</v>
      </c>
      <c r="I3" s="49" t="s">
        <v>1326</v>
      </c>
      <c r="J3" s="50" t="s">
        <v>1327</v>
      </c>
      <c r="K3" s="50" t="s">
        <v>61</v>
      </c>
      <c r="L3" s="70" t="s">
        <v>85</v>
      </c>
      <c r="M3" s="50" t="s">
        <v>1328</v>
      </c>
      <c r="N3" s="160"/>
    </row>
    <row r="4" spans="1:14" s="68" customFormat="1" ht="243" x14ac:dyDescent="0.2">
      <c r="A4" s="11" t="s">
        <v>15</v>
      </c>
      <c r="B4" s="11" t="s">
        <v>1329</v>
      </c>
      <c r="C4" s="12" t="s">
        <v>55</v>
      </c>
      <c r="D4" s="11" t="s">
        <v>1330</v>
      </c>
      <c r="E4" s="69">
        <v>45962</v>
      </c>
      <c r="F4" s="69">
        <v>45962</v>
      </c>
      <c r="G4" s="50" t="s">
        <v>1331</v>
      </c>
      <c r="H4" s="50" t="s">
        <v>1325</v>
      </c>
      <c r="I4" s="49" t="s">
        <v>1332</v>
      </c>
      <c r="J4" s="50" t="s">
        <v>125</v>
      </c>
      <c r="K4" s="50" t="s">
        <v>61</v>
      </c>
      <c r="L4" s="70" t="s">
        <v>62</v>
      </c>
      <c r="M4" s="50" t="s">
        <v>1333</v>
      </c>
      <c r="N4" s="159" t="s">
        <v>1334</v>
      </c>
    </row>
  </sheetData>
  <mergeCells count="1">
    <mergeCell ref="A1:N1"/>
  </mergeCells>
  <phoneticPr fontId="2"/>
  <dataValidations count="1">
    <dataValidation type="list" allowBlank="1" showInputMessage="1" showErrorMessage="1" sqref="K3:K4">
      <formula1>"有料,無料,その他"</formula1>
    </dataValidation>
  </dataValidations>
  <hyperlinks>
    <hyperlink ref="N4" r:id="rId1"/>
  </hyperlinks>
  <pageMargins left="0.23622047244094491" right="0.23622047244094491" top="0.74803149606299213" bottom="0.74803149606299213" header="0.31496062992125984" footer="0.31496062992125984"/>
  <pageSetup paperSize="9" scale="50" fitToHeight="0" orientation="portrait" r:id="rId2"/>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4">
    <pageSetUpPr fitToPage="1"/>
  </sheetPr>
  <dimension ref="A1:N7"/>
  <sheetViews>
    <sheetView zoomScale="80" zoomScaleNormal="80" workbookViewId="0">
      <pane ySplit="2" topLeftCell="A3" activePane="bottomLeft" state="frozen"/>
      <selection activeCell="Q5" sqref="Q5"/>
      <selection pane="bottomLeft" activeCell="S7" sqref="S7"/>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97.8" thickTop="1" x14ac:dyDescent="0.2">
      <c r="A3" s="14" t="s">
        <v>16</v>
      </c>
      <c r="B3" s="14" t="s">
        <v>1996</v>
      </c>
      <c r="C3" s="16" t="s">
        <v>99</v>
      </c>
      <c r="D3" s="14" t="s">
        <v>1997</v>
      </c>
      <c r="E3" s="33">
        <v>45954</v>
      </c>
      <c r="F3" s="33">
        <v>45956</v>
      </c>
      <c r="G3" s="13" t="s">
        <v>1998</v>
      </c>
      <c r="H3" s="13" t="s">
        <v>1999</v>
      </c>
      <c r="I3" s="13" t="s">
        <v>2000</v>
      </c>
      <c r="J3" s="13" t="s">
        <v>1045</v>
      </c>
      <c r="K3" s="13" t="s">
        <v>61</v>
      </c>
      <c r="L3" s="17" t="s">
        <v>85</v>
      </c>
      <c r="M3" s="13" t="s">
        <v>2001</v>
      </c>
      <c r="N3" s="159" t="s">
        <v>2002</v>
      </c>
    </row>
    <row r="4" spans="1:14" s="68" customFormat="1" ht="97.2" x14ac:dyDescent="0.2">
      <c r="A4" s="14" t="s">
        <v>16</v>
      </c>
      <c r="B4" s="14" t="s">
        <v>2003</v>
      </c>
      <c r="C4" s="16" t="s">
        <v>99</v>
      </c>
      <c r="D4" s="14" t="s">
        <v>2004</v>
      </c>
      <c r="E4" s="33">
        <v>45955</v>
      </c>
      <c r="F4" s="33">
        <v>45956</v>
      </c>
      <c r="G4" s="13" t="s">
        <v>1998</v>
      </c>
      <c r="H4" s="13" t="s">
        <v>1999</v>
      </c>
      <c r="I4" s="13" t="s">
        <v>2005</v>
      </c>
      <c r="J4" s="13" t="s">
        <v>1045</v>
      </c>
      <c r="K4" s="13" t="s">
        <v>61</v>
      </c>
      <c r="L4" s="17" t="s">
        <v>85</v>
      </c>
      <c r="M4" s="13" t="s">
        <v>2001</v>
      </c>
      <c r="N4" s="170" t="s">
        <v>2002</v>
      </c>
    </row>
    <row r="5" spans="1:14" s="68" customFormat="1" ht="97.2" x14ac:dyDescent="0.2">
      <c r="A5" s="14" t="s">
        <v>16</v>
      </c>
      <c r="B5" s="14" t="s">
        <v>2006</v>
      </c>
      <c r="C5" s="16" t="s">
        <v>99</v>
      </c>
      <c r="D5" s="14" t="s">
        <v>2007</v>
      </c>
      <c r="E5" s="33">
        <v>45962</v>
      </c>
      <c r="F5" s="33">
        <v>45963</v>
      </c>
      <c r="G5" s="13" t="s">
        <v>1998</v>
      </c>
      <c r="H5" s="13" t="s">
        <v>1999</v>
      </c>
      <c r="I5" s="13" t="s">
        <v>2008</v>
      </c>
      <c r="J5" s="13" t="s">
        <v>2009</v>
      </c>
      <c r="K5" s="13" t="s">
        <v>70</v>
      </c>
      <c r="L5" s="17" t="s">
        <v>62</v>
      </c>
      <c r="M5" s="13" t="s">
        <v>2001</v>
      </c>
      <c r="N5" s="170" t="s">
        <v>2002</v>
      </c>
    </row>
    <row r="6" spans="1:14" s="68" customFormat="1" ht="97.2" x14ac:dyDescent="0.2">
      <c r="A6" s="14" t="s">
        <v>16</v>
      </c>
      <c r="B6" s="14" t="s">
        <v>2010</v>
      </c>
      <c r="C6" s="16" t="s">
        <v>99</v>
      </c>
      <c r="D6" s="14" t="s">
        <v>2011</v>
      </c>
      <c r="E6" s="33">
        <v>45970</v>
      </c>
      <c r="F6" s="33">
        <v>45970</v>
      </c>
      <c r="G6" s="13" t="s">
        <v>1998</v>
      </c>
      <c r="H6" s="13" t="s">
        <v>1999</v>
      </c>
      <c r="I6" s="13" t="s">
        <v>2012</v>
      </c>
      <c r="J6" s="13" t="s">
        <v>1045</v>
      </c>
      <c r="K6" s="13" t="s">
        <v>70</v>
      </c>
      <c r="L6" s="17" t="s">
        <v>85</v>
      </c>
      <c r="M6" s="13" t="s">
        <v>2001</v>
      </c>
      <c r="N6" s="170" t="s">
        <v>2002</v>
      </c>
    </row>
    <row r="7" spans="1:14" s="68" customFormat="1" ht="97.2" x14ac:dyDescent="0.2">
      <c r="A7" s="14" t="s">
        <v>16</v>
      </c>
      <c r="B7" s="14" t="s">
        <v>2013</v>
      </c>
      <c r="C7" s="16" t="s">
        <v>600</v>
      </c>
      <c r="D7" s="14" t="s">
        <v>2014</v>
      </c>
      <c r="E7" s="33">
        <v>45976</v>
      </c>
      <c r="F7" s="33">
        <v>45977</v>
      </c>
      <c r="G7" s="13" t="s">
        <v>1998</v>
      </c>
      <c r="H7" s="13" t="s">
        <v>1999</v>
      </c>
      <c r="I7" s="13" t="s">
        <v>2005</v>
      </c>
      <c r="J7" s="13" t="s">
        <v>1045</v>
      </c>
      <c r="K7" s="13" t="s">
        <v>61</v>
      </c>
      <c r="L7" s="17" t="s">
        <v>85</v>
      </c>
      <c r="M7" s="13" t="s">
        <v>2001</v>
      </c>
      <c r="N7" s="159" t="s">
        <v>2002</v>
      </c>
    </row>
  </sheetData>
  <mergeCells count="1">
    <mergeCell ref="A1:N1"/>
  </mergeCells>
  <phoneticPr fontId="2"/>
  <dataValidations count="1">
    <dataValidation type="list" allowBlank="1" showInputMessage="1" showErrorMessage="1" sqref="K3:K7">
      <formula1>"有料,無料,その他"</formula1>
    </dataValidation>
  </dataValidations>
  <hyperlinks>
    <hyperlink ref="N3" r:id="rId1"/>
    <hyperlink ref="N4" r:id="rId2"/>
    <hyperlink ref="N5" r:id="rId3"/>
    <hyperlink ref="N6" r:id="rId4"/>
    <hyperlink ref="N7" r:id="rId5"/>
  </hyperlinks>
  <pageMargins left="0.23622047244094491" right="0.23622047244094491" top="0.74803149606299213" bottom="0.74803149606299213" header="0.31496062992125984" footer="0.31496062992125984"/>
  <pageSetup paperSize="9" scale="50" fitToHeight="0" orientation="portrait" r:id="rId6"/>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7">
    <pageSetUpPr fitToPage="1"/>
  </sheetPr>
  <dimension ref="A1:N22"/>
  <sheetViews>
    <sheetView zoomScale="80" zoomScaleNormal="80" workbookViewId="0">
      <pane ySplit="2" topLeftCell="A3" activePane="bottomLeft" state="frozen"/>
      <selection activeCell="Q5" sqref="Q5"/>
      <selection pane="bottomLeft" activeCell="A11" sqref="A11:XFD11"/>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53.4" thickTop="1" x14ac:dyDescent="0.2">
      <c r="A3" s="4" t="s">
        <v>17</v>
      </c>
      <c r="B3" s="4" t="s">
        <v>1342</v>
      </c>
      <c r="C3" s="6" t="s">
        <v>600</v>
      </c>
      <c r="D3" s="4" t="s">
        <v>1343</v>
      </c>
      <c r="E3" s="9">
        <v>45919</v>
      </c>
      <c r="F3" s="9">
        <v>45938</v>
      </c>
      <c r="G3" s="39" t="s">
        <v>1344</v>
      </c>
      <c r="H3" s="43" t="s">
        <v>1345</v>
      </c>
      <c r="I3" s="39" t="s">
        <v>1346</v>
      </c>
      <c r="J3" s="39" t="s">
        <v>1347</v>
      </c>
      <c r="K3" s="39" t="s">
        <v>61</v>
      </c>
      <c r="L3" s="10" t="s">
        <v>62</v>
      </c>
      <c r="M3" s="39" t="s">
        <v>1341</v>
      </c>
      <c r="N3" s="169"/>
    </row>
    <row r="4" spans="1:14" s="68" customFormat="1" ht="52.8" x14ac:dyDescent="0.2">
      <c r="A4" s="4" t="s">
        <v>17</v>
      </c>
      <c r="B4" s="4" t="s">
        <v>1335</v>
      </c>
      <c r="C4" s="6" t="s">
        <v>55</v>
      </c>
      <c r="D4" s="4" t="s">
        <v>1336</v>
      </c>
      <c r="E4" s="9">
        <v>45920</v>
      </c>
      <c r="F4" s="9">
        <v>45921</v>
      </c>
      <c r="G4" s="39" t="s">
        <v>1337</v>
      </c>
      <c r="H4" s="43" t="s">
        <v>1338</v>
      </c>
      <c r="I4" s="39" t="s">
        <v>1339</v>
      </c>
      <c r="J4" s="39" t="s">
        <v>1340</v>
      </c>
      <c r="K4" s="39" t="s">
        <v>70</v>
      </c>
      <c r="L4" s="10" t="s">
        <v>62</v>
      </c>
      <c r="M4" s="39" t="s">
        <v>1341</v>
      </c>
      <c r="N4" s="169"/>
    </row>
    <row r="5" spans="1:14" s="68" customFormat="1" ht="39.6" x14ac:dyDescent="0.2">
      <c r="A5" s="4" t="s">
        <v>17</v>
      </c>
      <c r="B5" s="4" t="s">
        <v>1348</v>
      </c>
      <c r="C5" s="6" t="s">
        <v>55</v>
      </c>
      <c r="D5" s="4" t="s">
        <v>1349</v>
      </c>
      <c r="E5" s="9">
        <v>45926</v>
      </c>
      <c r="F5" s="9">
        <v>45975</v>
      </c>
      <c r="G5" s="39" t="s">
        <v>1350</v>
      </c>
      <c r="H5" s="43" t="s">
        <v>1345</v>
      </c>
      <c r="I5" s="39" t="s">
        <v>1351</v>
      </c>
      <c r="J5" s="43" t="s">
        <v>1352</v>
      </c>
      <c r="K5" s="39" t="s">
        <v>61</v>
      </c>
      <c r="L5" s="10" t="s">
        <v>62</v>
      </c>
      <c r="M5" s="39" t="s">
        <v>1341</v>
      </c>
      <c r="N5" s="160"/>
    </row>
    <row r="6" spans="1:14" s="68" customFormat="1" ht="52.8" x14ac:dyDescent="0.2">
      <c r="A6" s="4" t="s">
        <v>17</v>
      </c>
      <c r="B6" s="4" t="s">
        <v>1353</v>
      </c>
      <c r="C6" s="6" t="s">
        <v>600</v>
      </c>
      <c r="D6" s="3" t="s">
        <v>1354</v>
      </c>
      <c r="E6" s="9">
        <v>45928</v>
      </c>
      <c r="F6" s="9">
        <v>45928</v>
      </c>
      <c r="G6" s="39" t="s">
        <v>1344</v>
      </c>
      <c r="H6" s="43" t="s">
        <v>1345</v>
      </c>
      <c r="I6" s="39" t="s">
        <v>1346</v>
      </c>
      <c r="J6" s="39" t="s">
        <v>1347</v>
      </c>
      <c r="K6" s="39" t="s">
        <v>61</v>
      </c>
      <c r="L6" s="10" t="s">
        <v>62</v>
      </c>
      <c r="M6" s="39" t="s">
        <v>1341</v>
      </c>
      <c r="N6" s="160"/>
    </row>
    <row r="7" spans="1:14" s="68" customFormat="1" ht="39.6" x14ac:dyDescent="0.2">
      <c r="A7" s="4" t="s">
        <v>17</v>
      </c>
      <c r="B7" s="4" t="s">
        <v>1355</v>
      </c>
      <c r="C7" s="6" t="s">
        <v>80</v>
      </c>
      <c r="D7" s="4" t="s">
        <v>1356</v>
      </c>
      <c r="E7" s="9">
        <v>45933</v>
      </c>
      <c r="F7" s="9">
        <v>45933</v>
      </c>
      <c r="G7" s="39" t="s">
        <v>1357</v>
      </c>
      <c r="H7" s="43" t="s">
        <v>1345</v>
      </c>
      <c r="I7" s="39" t="s">
        <v>1357</v>
      </c>
      <c r="J7" s="39" t="s">
        <v>1358</v>
      </c>
      <c r="K7" s="39" t="s">
        <v>61</v>
      </c>
      <c r="L7" s="10" t="s">
        <v>85</v>
      </c>
      <c r="M7" s="39" t="s">
        <v>1359</v>
      </c>
      <c r="N7" s="160"/>
    </row>
    <row r="8" spans="1:14" s="68" customFormat="1" ht="39.6" x14ac:dyDescent="0.2">
      <c r="A8" s="4" t="s">
        <v>17</v>
      </c>
      <c r="B8" s="4" t="s">
        <v>1360</v>
      </c>
      <c r="C8" s="7" t="s">
        <v>55</v>
      </c>
      <c r="D8" s="3" t="s">
        <v>1361</v>
      </c>
      <c r="E8" s="9">
        <v>45939</v>
      </c>
      <c r="F8" s="9">
        <v>45974</v>
      </c>
      <c r="G8" s="39" t="s">
        <v>1350</v>
      </c>
      <c r="H8" s="43" t="s">
        <v>1345</v>
      </c>
      <c r="I8" s="39" t="s">
        <v>1362</v>
      </c>
      <c r="J8" s="43" t="s">
        <v>1363</v>
      </c>
      <c r="K8" s="39" t="s">
        <v>61</v>
      </c>
      <c r="L8" s="10" t="s">
        <v>62</v>
      </c>
      <c r="M8" s="39" t="s">
        <v>1341</v>
      </c>
      <c r="N8" s="160"/>
    </row>
    <row r="9" spans="1:14" s="68" customFormat="1" ht="52.8" x14ac:dyDescent="0.2">
      <c r="A9" s="4" t="s">
        <v>17</v>
      </c>
      <c r="B9" s="4" t="s">
        <v>1364</v>
      </c>
      <c r="C9" s="7" t="s">
        <v>600</v>
      </c>
      <c r="D9" s="3" t="s">
        <v>1365</v>
      </c>
      <c r="E9" s="9">
        <v>45942</v>
      </c>
      <c r="F9" s="9">
        <v>45942</v>
      </c>
      <c r="G9" s="39" t="s">
        <v>1366</v>
      </c>
      <c r="H9" s="43" t="s">
        <v>1345</v>
      </c>
      <c r="I9" s="39" t="s">
        <v>1346</v>
      </c>
      <c r="J9" s="39" t="s">
        <v>1347</v>
      </c>
      <c r="K9" s="39" t="s">
        <v>61</v>
      </c>
      <c r="L9" s="10" t="s">
        <v>85</v>
      </c>
      <c r="M9" s="39" t="s">
        <v>1341</v>
      </c>
      <c r="N9" s="160"/>
    </row>
    <row r="10" spans="1:14" s="68" customFormat="1" ht="52.8" x14ac:dyDescent="0.2">
      <c r="A10" s="4" t="s">
        <v>17</v>
      </c>
      <c r="B10" s="4" t="s">
        <v>1367</v>
      </c>
      <c r="C10" s="7" t="s">
        <v>600</v>
      </c>
      <c r="D10" s="3" t="s">
        <v>1368</v>
      </c>
      <c r="E10" s="9">
        <v>45942</v>
      </c>
      <c r="F10" s="9">
        <v>45942</v>
      </c>
      <c r="G10" s="39" t="s">
        <v>1369</v>
      </c>
      <c r="H10" s="43" t="s">
        <v>1345</v>
      </c>
      <c r="I10" s="39" t="s">
        <v>1346</v>
      </c>
      <c r="J10" s="43" t="s">
        <v>1370</v>
      </c>
      <c r="K10" s="39" t="s">
        <v>61</v>
      </c>
      <c r="L10" s="10" t="s">
        <v>62</v>
      </c>
      <c r="M10" s="39" t="s">
        <v>1341</v>
      </c>
      <c r="N10" s="160"/>
    </row>
    <row r="11" spans="1:14" s="68" customFormat="1" ht="52.8" x14ac:dyDescent="0.2">
      <c r="A11" s="4" t="s">
        <v>17</v>
      </c>
      <c r="B11" s="4" t="s">
        <v>1371</v>
      </c>
      <c r="C11" s="7" t="s">
        <v>89</v>
      </c>
      <c r="D11" s="3" t="s">
        <v>1372</v>
      </c>
      <c r="E11" s="9">
        <v>45948</v>
      </c>
      <c r="F11" s="9">
        <v>45948</v>
      </c>
      <c r="G11" s="43" t="s">
        <v>1373</v>
      </c>
      <c r="H11" s="43" t="s">
        <v>1374</v>
      </c>
      <c r="I11" s="39" t="s">
        <v>1362</v>
      </c>
      <c r="J11" s="39" t="s">
        <v>1375</v>
      </c>
      <c r="K11" s="39" t="s">
        <v>61</v>
      </c>
      <c r="L11" s="10" t="s">
        <v>62</v>
      </c>
      <c r="M11" s="39" t="s">
        <v>1341</v>
      </c>
      <c r="N11" s="160"/>
    </row>
    <row r="12" spans="1:14" s="68" customFormat="1" ht="52.8" x14ac:dyDescent="0.2">
      <c r="A12" s="4" t="s">
        <v>17</v>
      </c>
      <c r="B12" s="4" t="s">
        <v>1376</v>
      </c>
      <c r="C12" s="7" t="s">
        <v>99</v>
      </c>
      <c r="D12" s="3" t="s">
        <v>1377</v>
      </c>
      <c r="E12" s="9">
        <v>45955</v>
      </c>
      <c r="F12" s="9">
        <v>45956</v>
      </c>
      <c r="G12" s="39" t="s">
        <v>1378</v>
      </c>
      <c r="H12" s="43" t="s">
        <v>1345</v>
      </c>
      <c r="I12" s="39" t="s">
        <v>1351</v>
      </c>
      <c r="J12" s="39" t="s">
        <v>1379</v>
      </c>
      <c r="K12" s="39" t="s">
        <v>61</v>
      </c>
      <c r="L12" s="10" t="s">
        <v>85</v>
      </c>
      <c r="M12" s="39" t="s">
        <v>1341</v>
      </c>
      <c r="N12" s="160"/>
    </row>
    <row r="13" spans="1:14" s="68" customFormat="1" ht="39.6" x14ac:dyDescent="0.2">
      <c r="A13" s="11" t="s">
        <v>1380</v>
      </c>
      <c r="B13" s="11" t="s">
        <v>1381</v>
      </c>
      <c r="C13" s="12" t="s">
        <v>55</v>
      </c>
      <c r="D13" s="11" t="s">
        <v>1382</v>
      </c>
      <c r="E13" s="69">
        <v>45955</v>
      </c>
      <c r="F13" s="69">
        <v>45969</v>
      </c>
      <c r="G13" s="39" t="s">
        <v>1383</v>
      </c>
      <c r="H13" s="43" t="s">
        <v>1345</v>
      </c>
      <c r="I13" s="39" t="s">
        <v>1384</v>
      </c>
      <c r="J13" s="39" t="s">
        <v>1385</v>
      </c>
      <c r="K13" s="39" t="s">
        <v>61</v>
      </c>
      <c r="L13" s="10" t="s">
        <v>85</v>
      </c>
      <c r="M13" s="39" t="s">
        <v>1359</v>
      </c>
      <c r="N13" s="160"/>
    </row>
    <row r="14" spans="1:14" s="68" customFormat="1" ht="66" x14ac:dyDescent="0.2">
      <c r="A14" s="4" t="s">
        <v>17</v>
      </c>
      <c r="B14" s="3" t="s">
        <v>1391</v>
      </c>
      <c r="C14" s="7" t="s">
        <v>99</v>
      </c>
      <c r="D14" s="3" t="s">
        <v>1392</v>
      </c>
      <c r="E14" s="9">
        <v>45955</v>
      </c>
      <c r="F14" s="9">
        <v>45970</v>
      </c>
      <c r="G14" s="39" t="s">
        <v>1393</v>
      </c>
      <c r="H14" s="43" t="s">
        <v>1345</v>
      </c>
      <c r="I14" s="39" t="s">
        <v>1351</v>
      </c>
      <c r="J14" s="39" t="s">
        <v>1379</v>
      </c>
      <c r="K14" s="39" t="s">
        <v>61</v>
      </c>
      <c r="L14" s="10" t="s">
        <v>85</v>
      </c>
      <c r="M14" s="39" t="s">
        <v>1341</v>
      </c>
      <c r="N14" s="160"/>
    </row>
    <row r="15" spans="1:14" s="68" customFormat="1" ht="52.8" x14ac:dyDescent="0.2">
      <c r="A15" s="4" t="s">
        <v>17</v>
      </c>
      <c r="B15" s="4" t="s">
        <v>1386</v>
      </c>
      <c r="C15" s="6" t="s">
        <v>89</v>
      </c>
      <c r="D15" s="3" t="s">
        <v>1387</v>
      </c>
      <c r="E15" s="9">
        <v>45962</v>
      </c>
      <c r="F15" s="9">
        <v>45962</v>
      </c>
      <c r="G15" s="39" t="s">
        <v>1388</v>
      </c>
      <c r="H15" s="43" t="s">
        <v>1389</v>
      </c>
      <c r="I15" s="39" t="s">
        <v>1362</v>
      </c>
      <c r="J15" s="39" t="s">
        <v>1390</v>
      </c>
      <c r="K15" s="39" t="s">
        <v>61</v>
      </c>
      <c r="L15" s="10" t="s">
        <v>62</v>
      </c>
      <c r="M15" s="39" t="s">
        <v>1341</v>
      </c>
      <c r="N15" s="160"/>
    </row>
    <row r="16" spans="1:14" s="68" customFormat="1" ht="39.6" x14ac:dyDescent="0.2">
      <c r="A16" s="4" t="s">
        <v>17</v>
      </c>
      <c r="B16" s="4" t="s">
        <v>1394</v>
      </c>
      <c r="C16" s="6" t="s">
        <v>600</v>
      </c>
      <c r="D16" s="4" t="s">
        <v>1395</v>
      </c>
      <c r="E16" s="9">
        <v>45963</v>
      </c>
      <c r="F16" s="9">
        <v>45970</v>
      </c>
      <c r="G16" s="39" t="s">
        <v>1396</v>
      </c>
      <c r="H16" s="43" t="s">
        <v>1345</v>
      </c>
      <c r="I16" s="39" t="s">
        <v>1351</v>
      </c>
      <c r="J16" s="39" t="s">
        <v>1397</v>
      </c>
      <c r="K16" s="39" t="s">
        <v>61</v>
      </c>
      <c r="L16" s="10" t="s">
        <v>62</v>
      </c>
      <c r="M16" s="39" t="s">
        <v>1341</v>
      </c>
      <c r="N16" s="160"/>
    </row>
    <row r="17" spans="1:14" s="68" customFormat="1" ht="39.6" x14ac:dyDescent="0.2">
      <c r="A17" s="4" t="s">
        <v>17</v>
      </c>
      <c r="B17" s="4" t="s">
        <v>1398</v>
      </c>
      <c r="C17" s="6" t="s">
        <v>600</v>
      </c>
      <c r="D17" s="4" t="s">
        <v>1395</v>
      </c>
      <c r="E17" s="9">
        <v>45964</v>
      </c>
      <c r="F17" s="9">
        <v>45964</v>
      </c>
      <c r="G17" s="39" t="s">
        <v>1399</v>
      </c>
      <c r="H17" s="43" t="s">
        <v>1345</v>
      </c>
      <c r="I17" s="39" t="s">
        <v>1351</v>
      </c>
      <c r="J17" s="39" t="s">
        <v>1400</v>
      </c>
      <c r="K17" s="39" t="s">
        <v>61</v>
      </c>
      <c r="L17" s="10" t="s">
        <v>62</v>
      </c>
      <c r="M17" s="39" t="s">
        <v>1341</v>
      </c>
      <c r="N17" s="160"/>
    </row>
    <row r="18" spans="1:14" s="68" customFormat="1" ht="39.6" x14ac:dyDescent="0.2">
      <c r="A18" s="11" t="s">
        <v>1380</v>
      </c>
      <c r="B18" s="11" t="s">
        <v>1401</v>
      </c>
      <c r="C18" s="12" t="s">
        <v>80</v>
      </c>
      <c r="D18" s="11" t="s">
        <v>1402</v>
      </c>
      <c r="E18" s="9">
        <v>45967</v>
      </c>
      <c r="F18" s="9">
        <v>45967</v>
      </c>
      <c r="G18" s="50" t="s">
        <v>1403</v>
      </c>
      <c r="H18" s="43" t="s">
        <v>1345</v>
      </c>
      <c r="I18" s="39" t="s">
        <v>1357</v>
      </c>
      <c r="J18" s="39" t="s">
        <v>1404</v>
      </c>
      <c r="K18" s="39" t="s">
        <v>61</v>
      </c>
      <c r="L18" s="10" t="s">
        <v>116</v>
      </c>
      <c r="M18" s="39" t="s">
        <v>1359</v>
      </c>
      <c r="N18" s="160"/>
    </row>
    <row r="19" spans="1:14" s="68" customFormat="1" ht="39.6" x14ac:dyDescent="0.2">
      <c r="A19" s="11" t="s">
        <v>1380</v>
      </c>
      <c r="B19" s="11" t="s">
        <v>1405</v>
      </c>
      <c r="C19" s="12" t="s">
        <v>80</v>
      </c>
      <c r="D19" s="11" t="s">
        <v>1406</v>
      </c>
      <c r="E19" s="9">
        <v>45967</v>
      </c>
      <c r="F19" s="9">
        <v>45968</v>
      </c>
      <c r="G19" s="39" t="s">
        <v>1337</v>
      </c>
      <c r="H19" s="43" t="s">
        <v>1338</v>
      </c>
      <c r="I19" s="50" t="s">
        <v>1407</v>
      </c>
      <c r="J19" s="50" t="s">
        <v>1408</v>
      </c>
      <c r="K19" s="39" t="s">
        <v>61</v>
      </c>
      <c r="L19" s="10" t="s">
        <v>116</v>
      </c>
      <c r="M19" s="39" t="s">
        <v>1359</v>
      </c>
      <c r="N19" s="160"/>
    </row>
    <row r="20" spans="1:14" s="68" customFormat="1" ht="52.8" x14ac:dyDescent="0.2">
      <c r="A20" s="4" t="s">
        <v>17</v>
      </c>
      <c r="B20" s="4" t="s">
        <v>1409</v>
      </c>
      <c r="C20" s="7" t="s">
        <v>89</v>
      </c>
      <c r="D20" s="4" t="s">
        <v>1410</v>
      </c>
      <c r="E20" s="9">
        <v>45970</v>
      </c>
      <c r="F20" s="9">
        <v>45970</v>
      </c>
      <c r="G20" s="39" t="s">
        <v>1366</v>
      </c>
      <c r="H20" s="43" t="s">
        <v>1345</v>
      </c>
      <c r="I20" s="39" t="s">
        <v>1411</v>
      </c>
      <c r="J20" s="39" t="s">
        <v>1379</v>
      </c>
      <c r="K20" s="39" t="s">
        <v>61</v>
      </c>
      <c r="L20" s="10" t="s">
        <v>85</v>
      </c>
      <c r="M20" s="39" t="s">
        <v>1412</v>
      </c>
      <c r="N20" s="160"/>
    </row>
    <row r="21" spans="1:14" s="68" customFormat="1" ht="60" x14ac:dyDescent="0.2">
      <c r="A21" s="4" t="s">
        <v>17</v>
      </c>
      <c r="B21" s="4" t="s">
        <v>1413</v>
      </c>
      <c r="C21" s="7" t="s">
        <v>99</v>
      </c>
      <c r="D21" s="88" t="s">
        <v>1414</v>
      </c>
      <c r="E21" s="9">
        <v>45974</v>
      </c>
      <c r="F21" s="9">
        <v>45974</v>
      </c>
      <c r="G21" s="39" t="s">
        <v>1415</v>
      </c>
      <c r="H21" s="43" t="s">
        <v>1345</v>
      </c>
      <c r="I21" s="39" t="s">
        <v>1351</v>
      </c>
      <c r="J21" s="39" t="s">
        <v>1416</v>
      </c>
      <c r="K21" s="39" t="s">
        <v>61</v>
      </c>
      <c r="L21" s="10" t="s">
        <v>62</v>
      </c>
      <c r="M21" s="39" t="s">
        <v>1341</v>
      </c>
      <c r="N21" s="160"/>
    </row>
    <row r="22" spans="1:14" s="68" customFormat="1" ht="39.6" x14ac:dyDescent="0.2">
      <c r="A22" s="4" t="s">
        <v>17</v>
      </c>
      <c r="B22" s="4" t="s">
        <v>1417</v>
      </c>
      <c r="C22" s="7" t="s">
        <v>600</v>
      </c>
      <c r="D22" s="4" t="s">
        <v>1418</v>
      </c>
      <c r="E22" s="9">
        <v>45976</v>
      </c>
      <c r="F22" s="9">
        <v>45976</v>
      </c>
      <c r="G22" s="39" t="s">
        <v>1383</v>
      </c>
      <c r="H22" s="43" t="s">
        <v>1345</v>
      </c>
      <c r="I22" s="39" t="s">
        <v>1384</v>
      </c>
      <c r="J22" s="39" t="s">
        <v>1385</v>
      </c>
      <c r="K22" s="39" t="s">
        <v>61</v>
      </c>
      <c r="L22" s="10" t="s">
        <v>85</v>
      </c>
      <c r="M22" s="39" t="s">
        <v>1359</v>
      </c>
      <c r="N22" s="160"/>
    </row>
  </sheetData>
  <mergeCells count="1">
    <mergeCell ref="A1:N1"/>
  </mergeCells>
  <phoneticPr fontId="2"/>
  <dataValidations count="1">
    <dataValidation type="list" allowBlank="1" showInputMessage="1" showErrorMessage="1" sqref="K3:K22">
      <formula1>"有料,無料,その他"</formula1>
    </dataValidation>
  </dataValidations>
  <pageMargins left="0.23622047244094491" right="0.23622047244094491" top="0.74803149606299213" bottom="0.74803149606299213" header="0.31496062992125984" footer="0.31496062992125984"/>
  <pageSetup paperSize="9" scale="50" fitToHeight="0"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9">
    <pageSetUpPr fitToPage="1"/>
  </sheetPr>
  <dimension ref="A1:N11"/>
  <sheetViews>
    <sheetView zoomScale="80" zoomScaleNormal="80" workbookViewId="0">
      <pane ySplit="2" topLeftCell="A3" activePane="bottomLeft" state="frozen"/>
      <selection activeCell="Q5" sqref="Q5"/>
      <selection pane="bottomLeft" activeCell="A8" sqref="A8:XFD9"/>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97.8" thickTop="1" x14ac:dyDescent="0.2">
      <c r="A3" s="14" t="s">
        <v>18</v>
      </c>
      <c r="B3" s="14" t="s">
        <v>2027</v>
      </c>
      <c r="C3" s="16" t="s">
        <v>99</v>
      </c>
      <c r="D3" s="14" t="s">
        <v>2028</v>
      </c>
      <c r="E3" s="38">
        <v>45927</v>
      </c>
      <c r="F3" s="33">
        <v>45927</v>
      </c>
      <c r="G3" s="13" t="s">
        <v>2018</v>
      </c>
      <c r="H3" s="13" t="s">
        <v>2019</v>
      </c>
      <c r="I3" s="13" t="s">
        <v>2020</v>
      </c>
      <c r="J3" s="13" t="s">
        <v>60</v>
      </c>
      <c r="K3" s="13" t="s">
        <v>61</v>
      </c>
      <c r="L3" s="17" t="s">
        <v>85</v>
      </c>
      <c r="M3" s="13" t="s">
        <v>2021</v>
      </c>
      <c r="N3" s="159" t="s">
        <v>2026</v>
      </c>
    </row>
    <row r="4" spans="1:14" s="68" customFormat="1" ht="97.2" x14ac:dyDescent="0.2">
      <c r="A4" s="18" t="s">
        <v>18</v>
      </c>
      <c r="B4" s="31" t="s">
        <v>2031</v>
      </c>
      <c r="C4" s="12" t="s">
        <v>600</v>
      </c>
      <c r="D4" s="14" t="s">
        <v>2032</v>
      </c>
      <c r="E4" s="36">
        <v>45934</v>
      </c>
      <c r="F4" s="36">
        <v>45934</v>
      </c>
      <c r="G4" s="49" t="s">
        <v>2033</v>
      </c>
      <c r="H4" s="13" t="s">
        <v>2019</v>
      </c>
      <c r="I4" s="49" t="s">
        <v>2034</v>
      </c>
      <c r="J4" s="13" t="s">
        <v>60</v>
      </c>
      <c r="K4" s="13" t="s">
        <v>61</v>
      </c>
      <c r="L4" s="17" t="s">
        <v>62</v>
      </c>
      <c r="M4" s="13" t="s">
        <v>2021</v>
      </c>
      <c r="N4" s="159" t="s">
        <v>2035</v>
      </c>
    </row>
    <row r="5" spans="1:14" s="68" customFormat="1" ht="105.6" x14ac:dyDescent="0.2">
      <c r="A5" s="4" t="s">
        <v>18</v>
      </c>
      <c r="B5" s="4" t="s">
        <v>1419</v>
      </c>
      <c r="C5" s="7" t="s">
        <v>600</v>
      </c>
      <c r="D5" s="4" t="s">
        <v>1420</v>
      </c>
      <c r="E5" s="9">
        <v>45935</v>
      </c>
      <c r="F5" s="9">
        <v>45935</v>
      </c>
      <c r="G5" s="87" t="s">
        <v>1421</v>
      </c>
      <c r="H5" s="39" t="s">
        <v>1422</v>
      </c>
      <c r="I5" s="39" t="s">
        <v>1423</v>
      </c>
      <c r="J5" s="39" t="s">
        <v>125</v>
      </c>
      <c r="K5" s="39" t="s">
        <v>70</v>
      </c>
      <c r="L5" s="10" t="s">
        <v>62</v>
      </c>
      <c r="M5" s="39" t="s">
        <v>1424</v>
      </c>
      <c r="N5" s="160"/>
    </row>
    <row r="6" spans="1:14" s="68" customFormat="1" ht="97.2" x14ac:dyDescent="0.2">
      <c r="A6" s="18" t="s">
        <v>18</v>
      </c>
      <c r="B6" s="31" t="s">
        <v>2036</v>
      </c>
      <c r="C6" s="12" t="s">
        <v>600</v>
      </c>
      <c r="D6" s="31" t="s">
        <v>2037</v>
      </c>
      <c r="E6" s="36">
        <v>45948</v>
      </c>
      <c r="F6" s="36">
        <v>45948</v>
      </c>
      <c r="G6" s="49" t="s">
        <v>2033</v>
      </c>
      <c r="H6" s="13" t="s">
        <v>2019</v>
      </c>
      <c r="I6" s="49" t="s">
        <v>2034</v>
      </c>
      <c r="J6" s="13" t="s">
        <v>60</v>
      </c>
      <c r="K6" s="13" t="s">
        <v>61</v>
      </c>
      <c r="L6" s="17" t="s">
        <v>62</v>
      </c>
      <c r="M6" s="13" t="s">
        <v>2021</v>
      </c>
      <c r="N6" s="159" t="s">
        <v>2026</v>
      </c>
    </row>
    <row r="7" spans="1:14" s="68" customFormat="1" ht="97.2" x14ac:dyDescent="0.2">
      <c r="A7" s="14" t="s">
        <v>18</v>
      </c>
      <c r="B7" s="14" t="s">
        <v>2029</v>
      </c>
      <c r="C7" s="16" t="s">
        <v>99</v>
      </c>
      <c r="D7" s="14" t="s">
        <v>2030</v>
      </c>
      <c r="E7" s="33">
        <v>45955</v>
      </c>
      <c r="F7" s="33">
        <v>45955</v>
      </c>
      <c r="G7" s="13" t="s">
        <v>2018</v>
      </c>
      <c r="H7" s="13" t="s">
        <v>2019</v>
      </c>
      <c r="I7" s="13" t="s">
        <v>2020</v>
      </c>
      <c r="J7" s="13" t="s">
        <v>60</v>
      </c>
      <c r="K7" s="13" t="s">
        <v>61</v>
      </c>
      <c r="L7" s="17" t="s">
        <v>62</v>
      </c>
      <c r="M7" s="13" t="s">
        <v>2021</v>
      </c>
      <c r="N7" s="170" t="s">
        <v>2026</v>
      </c>
    </row>
    <row r="8" spans="1:14" s="68" customFormat="1" ht="40.950000000000003" customHeight="1" x14ac:dyDescent="0.2">
      <c r="A8" s="4" t="s">
        <v>18</v>
      </c>
      <c r="B8" s="4" t="s">
        <v>1425</v>
      </c>
      <c r="C8" s="7" t="s">
        <v>99</v>
      </c>
      <c r="D8" s="4" t="s">
        <v>1426</v>
      </c>
      <c r="E8" s="9">
        <v>45963</v>
      </c>
      <c r="F8" s="9">
        <v>45965</v>
      </c>
      <c r="G8" s="39" t="s">
        <v>1427</v>
      </c>
      <c r="H8" s="39" t="s">
        <v>1428</v>
      </c>
      <c r="I8" s="39" t="s">
        <v>1429</v>
      </c>
      <c r="J8" s="39" t="s">
        <v>125</v>
      </c>
      <c r="K8" s="39" t="s">
        <v>61</v>
      </c>
      <c r="L8" s="10" t="s">
        <v>85</v>
      </c>
      <c r="M8" s="39" t="s">
        <v>1427</v>
      </c>
      <c r="N8" s="169"/>
    </row>
    <row r="9" spans="1:14" s="68" customFormat="1" ht="40.950000000000003" customHeight="1" x14ac:dyDescent="0.2">
      <c r="A9" s="4" t="s">
        <v>18</v>
      </c>
      <c r="B9" s="4" t="s">
        <v>1430</v>
      </c>
      <c r="C9" s="7" t="s">
        <v>99</v>
      </c>
      <c r="D9" s="4" t="s">
        <v>1431</v>
      </c>
      <c r="E9" s="9">
        <v>45970</v>
      </c>
      <c r="F9" s="9">
        <v>45970</v>
      </c>
      <c r="G9" s="39" t="s">
        <v>1427</v>
      </c>
      <c r="H9" s="39" t="s">
        <v>1428</v>
      </c>
      <c r="I9" s="39" t="s">
        <v>1429</v>
      </c>
      <c r="J9" s="39" t="s">
        <v>125</v>
      </c>
      <c r="K9" s="39" t="s">
        <v>61</v>
      </c>
      <c r="L9" s="10" t="s">
        <v>85</v>
      </c>
      <c r="M9" s="39" t="s">
        <v>1427</v>
      </c>
      <c r="N9" s="169"/>
    </row>
    <row r="10" spans="1:14" s="68" customFormat="1" ht="97.2" x14ac:dyDescent="0.2">
      <c r="A10" s="14" t="s">
        <v>18</v>
      </c>
      <c r="B10" s="14" t="s">
        <v>2023</v>
      </c>
      <c r="C10" s="16" t="s">
        <v>99</v>
      </c>
      <c r="D10" s="14" t="s">
        <v>2024</v>
      </c>
      <c r="E10" s="38" t="s">
        <v>2025</v>
      </c>
      <c r="F10" s="38" t="s">
        <v>2025</v>
      </c>
      <c r="G10" s="13" t="s">
        <v>2018</v>
      </c>
      <c r="H10" s="13" t="s">
        <v>2019</v>
      </c>
      <c r="I10" s="13" t="s">
        <v>2020</v>
      </c>
      <c r="J10" s="13" t="s">
        <v>60</v>
      </c>
      <c r="K10" s="13" t="s">
        <v>61</v>
      </c>
      <c r="L10" s="17" t="s">
        <v>85</v>
      </c>
      <c r="M10" s="13" t="s">
        <v>2021</v>
      </c>
      <c r="N10" s="170" t="s">
        <v>2026</v>
      </c>
    </row>
    <row r="11" spans="1:14" s="68" customFormat="1" ht="97.2" x14ac:dyDescent="0.2">
      <c r="A11" s="14" t="s">
        <v>18</v>
      </c>
      <c r="B11" s="14" t="s">
        <v>2015</v>
      </c>
      <c r="C11" s="16" t="s">
        <v>55</v>
      </c>
      <c r="D11" s="14" t="s">
        <v>2016</v>
      </c>
      <c r="E11" s="38" t="s">
        <v>2017</v>
      </c>
      <c r="F11" s="38" t="s">
        <v>2017</v>
      </c>
      <c r="G11" s="13" t="s">
        <v>2018</v>
      </c>
      <c r="H11" s="13" t="s">
        <v>2019</v>
      </c>
      <c r="I11" s="13" t="s">
        <v>2020</v>
      </c>
      <c r="J11" s="13" t="s">
        <v>60</v>
      </c>
      <c r="K11" s="13" t="s">
        <v>61</v>
      </c>
      <c r="L11" s="17" t="s">
        <v>62</v>
      </c>
      <c r="M11" s="13" t="s">
        <v>2021</v>
      </c>
      <c r="N11" s="170" t="s">
        <v>2022</v>
      </c>
    </row>
  </sheetData>
  <mergeCells count="1">
    <mergeCell ref="A1:N1"/>
  </mergeCells>
  <phoneticPr fontId="2"/>
  <dataValidations count="1">
    <dataValidation type="list" allowBlank="1" showInputMessage="1" showErrorMessage="1" sqref="K3:K11">
      <formula1>"有料,無料,その他"</formula1>
    </dataValidation>
  </dataValidations>
  <hyperlinks>
    <hyperlink ref="N3" r:id="rId1"/>
    <hyperlink ref="N4" r:id="rId2"/>
    <hyperlink ref="N6" r:id="rId3"/>
    <hyperlink ref="N7" r:id="rId4"/>
    <hyperlink ref="N10" r:id="rId5"/>
    <hyperlink ref="N11" r:id="rId6"/>
  </hyperlinks>
  <pageMargins left="0.23622047244094491" right="0.23622047244094491" top="0.74803149606299213" bottom="0.74803149606299213" header="0.31496062992125984" footer="0.31496062992125984"/>
  <pageSetup paperSize="9" scale="50" fitToHeight="0" orientation="portrait" r:id="rId7"/>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1">
    <pageSetUpPr fitToPage="1"/>
  </sheetPr>
  <dimension ref="A1:N8"/>
  <sheetViews>
    <sheetView zoomScale="80" zoomScaleNormal="80" workbookViewId="0">
      <pane ySplit="2" topLeftCell="A3" activePane="bottomLeft" state="frozen"/>
      <selection activeCell="Q5" sqref="Q5"/>
      <selection pane="bottomLeft" activeCell="X9" sqref="X9"/>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133.19999999999999" customHeight="1" thickTop="1" x14ac:dyDescent="0.2">
      <c r="A3" s="11" t="s">
        <v>2038</v>
      </c>
      <c r="B3" s="11" t="s">
        <v>1845</v>
      </c>
      <c r="C3" s="12" t="s">
        <v>99</v>
      </c>
      <c r="D3" s="11" t="s">
        <v>1846</v>
      </c>
      <c r="E3" s="69">
        <v>45934</v>
      </c>
      <c r="F3" s="69">
        <v>45934</v>
      </c>
      <c r="G3" s="50" t="s">
        <v>2039</v>
      </c>
      <c r="H3" s="50" t="s">
        <v>1058</v>
      </c>
      <c r="I3" s="49" t="s">
        <v>1848</v>
      </c>
      <c r="J3" s="50" t="s">
        <v>60</v>
      </c>
      <c r="K3" s="50" t="s">
        <v>61</v>
      </c>
      <c r="L3" s="70" t="s">
        <v>62</v>
      </c>
      <c r="M3" s="50" t="s">
        <v>1849</v>
      </c>
      <c r="N3" s="170" t="s">
        <v>2040</v>
      </c>
    </row>
    <row r="4" spans="1:14" s="68" customFormat="1" ht="133.19999999999999" customHeight="1" x14ac:dyDescent="0.2">
      <c r="A4" s="11" t="s">
        <v>19</v>
      </c>
      <c r="B4" s="4" t="s">
        <v>1432</v>
      </c>
      <c r="C4" s="12" t="s">
        <v>600</v>
      </c>
      <c r="D4" s="4" t="s">
        <v>1433</v>
      </c>
      <c r="E4" s="69">
        <v>45946</v>
      </c>
      <c r="F4" s="69">
        <v>45946</v>
      </c>
      <c r="G4" s="39" t="s">
        <v>1434</v>
      </c>
      <c r="H4" s="39" t="s">
        <v>1435</v>
      </c>
      <c r="I4" s="39" t="s">
        <v>1436</v>
      </c>
      <c r="J4" s="39" t="s">
        <v>1437</v>
      </c>
      <c r="K4" s="39" t="s">
        <v>70</v>
      </c>
      <c r="L4" s="10" t="s">
        <v>62</v>
      </c>
      <c r="M4" s="39" t="s">
        <v>1438</v>
      </c>
      <c r="N4" s="169"/>
    </row>
    <row r="5" spans="1:14" s="68" customFormat="1" ht="133.19999999999999" customHeight="1" x14ac:dyDescent="0.2">
      <c r="A5" s="11" t="s">
        <v>2038</v>
      </c>
      <c r="B5" s="11" t="s">
        <v>1845</v>
      </c>
      <c r="C5" s="12" t="s">
        <v>99</v>
      </c>
      <c r="D5" s="11" t="s">
        <v>1846</v>
      </c>
      <c r="E5" s="69">
        <v>45966</v>
      </c>
      <c r="F5" s="69">
        <v>45966</v>
      </c>
      <c r="G5" s="50" t="s">
        <v>2039</v>
      </c>
      <c r="H5" s="50" t="s">
        <v>1058</v>
      </c>
      <c r="I5" s="49" t="s">
        <v>1848</v>
      </c>
      <c r="J5" s="50" t="s">
        <v>60</v>
      </c>
      <c r="K5" s="50" t="s">
        <v>61</v>
      </c>
      <c r="L5" s="70" t="s">
        <v>62</v>
      </c>
      <c r="M5" s="50" t="s">
        <v>1849</v>
      </c>
      <c r="N5" s="170" t="s">
        <v>2041</v>
      </c>
    </row>
    <row r="6" spans="1:14" s="68" customFormat="1" ht="157.94999999999999" customHeight="1" x14ac:dyDescent="0.2">
      <c r="A6" s="11" t="s">
        <v>19</v>
      </c>
      <c r="B6" s="4" t="s">
        <v>1439</v>
      </c>
      <c r="C6" s="12" t="s">
        <v>55</v>
      </c>
      <c r="D6" s="4" t="s">
        <v>1440</v>
      </c>
      <c r="E6" s="69">
        <v>45968</v>
      </c>
      <c r="F6" s="69">
        <v>45970</v>
      </c>
      <c r="G6" s="39" t="s">
        <v>1441</v>
      </c>
      <c r="H6" s="39" t="s">
        <v>1442</v>
      </c>
      <c r="I6" s="39" t="s">
        <v>1436</v>
      </c>
      <c r="J6" s="39" t="s">
        <v>1437</v>
      </c>
      <c r="K6" s="39" t="s">
        <v>61</v>
      </c>
      <c r="L6" s="10" t="s">
        <v>62</v>
      </c>
      <c r="M6" s="39" t="s">
        <v>1443</v>
      </c>
      <c r="N6" s="169"/>
    </row>
    <row r="7" spans="1:14" s="68" customFormat="1" ht="192" x14ac:dyDescent="0.2">
      <c r="A7" s="75" t="s">
        <v>19</v>
      </c>
      <c r="B7" s="75" t="s">
        <v>248</v>
      </c>
      <c r="C7" s="85" t="s">
        <v>99</v>
      </c>
      <c r="D7" s="75" t="s">
        <v>249</v>
      </c>
      <c r="E7" s="86">
        <v>45976</v>
      </c>
      <c r="F7" s="86">
        <v>45977</v>
      </c>
      <c r="G7" s="78" t="s">
        <v>250</v>
      </c>
      <c r="H7" s="78" t="s">
        <v>251</v>
      </c>
      <c r="I7" s="78" t="s">
        <v>252</v>
      </c>
      <c r="J7" s="78" t="s">
        <v>239</v>
      </c>
      <c r="K7" s="78" t="s">
        <v>61</v>
      </c>
      <c r="L7" s="79" t="s">
        <v>85</v>
      </c>
      <c r="M7" s="78" t="s">
        <v>253</v>
      </c>
      <c r="N7" s="28" t="s">
        <v>2163</v>
      </c>
    </row>
    <row r="8" spans="1:14" s="68" customFormat="1" ht="127.2" customHeight="1" x14ac:dyDescent="0.2">
      <c r="A8" s="14" t="s">
        <v>19</v>
      </c>
      <c r="B8" s="14" t="s">
        <v>2042</v>
      </c>
      <c r="C8" s="16" t="s">
        <v>55</v>
      </c>
      <c r="D8" s="15" t="s">
        <v>2043</v>
      </c>
      <c r="E8" s="38" t="s">
        <v>2044</v>
      </c>
      <c r="F8" s="38" t="s">
        <v>2044</v>
      </c>
      <c r="G8" s="13" t="s">
        <v>2045</v>
      </c>
      <c r="H8" s="13" t="s">
        <v>2046</v>
      </c>
      <c r="I8" s="13" t="s">
        <v>2047</v>
      </c>
      <c r="J8" s="13" t="s">
        <v>1222</v>
      </c>
      <c r="K8" s="13" t="s">
        <v>61</v>
      </c>
      <c r="L8" s="13" t="s">
        <v>62</v>
      </c>
      <c r="M8" s="13" t="s">
        <v>2048</v>
      </c>
      <c r="N8" s="164" t="s">
        <v>2049</v>
      </c>
    </row>
  </sheetData>
  <mergeCells count="1">
    <mergeCell ref="A1:N1"/>
  </mergeCells>
  <phoneticPr fontId="2"/>
  <dataValidations count="1">
    <dataValidation type="list" allowBlank="1" showInputMessage="1" showErrorMessage="1" sqref="K3:K8">
      <formula1>"有料,無料,その他"</formula1>
    </dataValidation>
  </dataValidations>
  <hyperlinks>
    <hyperlink ref="N3" r:id="rId1" display="https://ktm.or.jp/event/25k-11/"/>
    <hyperlink ref="N5" r:id="rId2" display="https://ktm.or.jp/event/25k-14/"/>
    <hyperlink ref="N8" r:id="rId3"/>
  </hyperlinks>
  <pageMargins left="0.23622047244094491" right="0.23622047244094491" top="0.74803149606299213" bottom="0.74803149606299213" header="0.31496062992125984" footer="0.31496062992125984"/>
  <pageSetup paperSize="9" scale="50" fitToHeight="0" orientation="portrait" r:id="rId4"/>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2">
    <pageSetUpPr fitToPage="1"/>
  </sheetPr>
  <dimension ref="A1:N6"/>
  <sheetViews>
    <sheetView zoomScale="80" zoomScaleNormal="80" workbookViewId="0">
      <pane ySplit="2" topLeftCell="A3" activePane="bottomLeft" state="frozen"/>
      <selection activeCell="Q5" sqref="Q5"/>
      <selection pane="bottomLeft" activeCell="T19" sqref="T19"/>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93" customHeight="1" thickTop="1" x14ac:dyDescent="0.2">
      <c r="A3" s="4" t="s">
        <v>20</v>
      </c>
      <c r="B3" s="4" t="s">
        <v>1444</v>
      </c>
      <c r="C3" s="7" t="s">
        <v>600</v>
      </c>
      <c r="D3" s="4" t="s">
        <v>1445</v>
      </c>
      <c r="E3" s="9">
        <v>45942</v>
      </c>
      <c r="F3" s="9">
        <v>45942</v>
      </c>
      <c r="G3" s="39" t="s">
        <v>1446</v>
      </c>
      <c r="H3" s="39" t="s">
        <v>1447</v>
      </c>
      <c r="I3" s="39" t="s">
        <v>1448</v>
      </c>
      <c r="J3" s="39" t="s">
        <v>1449</v>
      </c>
      <c r="K3" s="39" t="s">
        <v>61</v>
      </c>
      <c r="L3" s="10" t="s">
        <v>85</v>
      </c>
      <c r="M3" s="39" t="s">
        <v>1450</v>
      </c>
      <c r="N3" s="169"/>
    </row>
    <row r="4" spans="1:14" s="68" customFormat="1" ht="93" customHeight="1" x14ac:dyDescent="0.2">
      <c r="A4" s="11" t="s">
        <v>2050</v>
      </c>
      <c r="B4" s="11" t="s">
        <v>1845</v>
      </c>
      <c r="C4" s="12" t="s">
        <v>99</v>
      </c>
      <c r="D4" s="11" t="s">
        <v>1846</v>
      </c>
      <c r="E4" s="69">
        <v>45956</v>
      </c>
      <c r="F4" s="69">
        <v>45956</v>
      </c>
      <c r="G4" s="50" t="s">
        <v>2051</v>
      </c>
      <c r="H4" s="50" t="s">
        <v>1058</v>
      </c>
      <c r="I4" s="49" t="s">
        <v>1848</v>
      </c>
      <c r="J4" s="50" t="s">
        <v>60</v>
      </c>
      <c r="K4" s="50" t="s">
        <v>61</v>
      </c>
      <c r="L4" s="70" t="s">
        <v>62</v>
      </c>
      <c r="M4" s="50" t="s">
        <v>1849</v>
      </c>
      <c r="N4" s="170" t="s">
        <v>2052</v>
      </c>
    </row>
    <row r="5" spans="1:14" s="68" customFormat="1" ht="93" customHeight="1" x14ac:dyDescent="0.2">
      <c r="A5" s="4" t="s">
        <v>20</v>
      </c>
      <c r="B5" s="4" t="s">
        <v>1451</v>
      </c>
      <c r="C5" s="6" t="s">
        <v>99</v>
      </c>
      <c r="D5" s="4" t="s">
        <v>1452</v>
      </c>
      <c r="E5" s="9">
        <v>45958</v>
      </c>
      <c r="F5" s="9">
        <v>45963</v>
      </c>
      <c r="G5" s="39" t="s">
        <v>1453</v>
      </c>
      <c r="H5" s="39" t="s">
        <v>1447</v>
      </c>
      <c r="I5" s="39" t="s">
        <v>1448</v>
      </c>
      <c r="J5" s="39" t="s">
        <v>1454</v>
      </c>
      <c r="K5" s="39" t="s">
        <v>61</v>
      </c>
      <c r="L5" s="10" t="s">
        <v>85</v>
      </c>
      <c r="M5" s="39" t="s">
        <v>1450</v>
      </c>
      <c r="N5" s="169"/>
    </row>
    <row r="6" spans="1:14" s="68" customFormat="1" ht="93" customHeight="1" x14ac:dyDescent="0.2">
      <c r="A6" s="4" t="s">
        <v>20</v>
      </c>
      <c r="B6" s="4" t="s">
        <v>1455</v>
      </c>
      <c r="C6" s="7" t="s">
        <v>80</v>
      </c>
      <c r="D6" s="14" t="s">
        <v>1456</v>
      </c>
      <c r="E6" s="9">
        <v>45976</v>
      </c>
      <c r="F6" s="9">
        <v>45976</v>
      </c>
      <c r="G6" s="39" t="s">
        <v>1453</v>
      </c>
      <c r="H6" s="39" t="s">
        <v>1447</v>
      </c>
      <c r="I6" s="39" t="s">
        <v>1448</v>
      </c>
      <c r="J6" s="13" t="s">
        <v>1457</v>
      </c>
      <c r="K6" s="39" t="s">
        <v>61</v>
      </c>
      <c r="L6" s="17" t="s">
        <v>62</v>
      </c>
      <c r="M6" s="39" t="s">
        <v>1450</v>
      </c>
      <c r="N6" s="169"/>
    </row>
  </sheetData>
  <mergeCells count="1">
    <mergeCell ref="A1:N1"/>
  </mergeCells>
  <phoneticPr fontId="2"/>
  <dataValidations count="1">
    <dataValidation type="list" allowBlank="1" showInputMessage="1" showErrorMessage="1" sqref="K3:K6">
      <formula1>"有料,無料,その他"</formula1>
    </dataValidation>
  </dataValidations>
  <hyperlinks>
    <hyperlink ref="N4" r:id="rId1" display="https://ktm.or.jp/event/25k-13/"/>
  </hyperlinks>
  <pageMargins left="0.23622047244094491" right="0.23622047244094491" top="0.74803149606299213" bottom="0.74803149606299213" header="0.31496062992125984" footer="0.31496062992125984"/>
  <pageSetup paperSize="9" scale="50" fitToHeight="0" orientation="portrait" r:id="rId2"/>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3" filterMode="1">
    <pageSetUpPr fitToPage="1"/>
  </sheetPr>
  <dimension ref="A1:N15"/>
  <sheetViews>
    <sheetView zoomScale="80" zoomScaleNormal="80" workbookViewId="0">
      <pane ySplit="2" topLeftCell="A3" activePane="bottomLeft" state="frozen"/>
      <selection activeCell="Q5" sqref="Q5"/>
      <selection pane="bottomLeft" activeCell="F27" sqref="F27"/>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79.95" hidden="1" customHeight="1" thickTop="1" x14ac:dyDescent="0.2">
      <c r="A3" s="4" t="s">
        <v>1477</v>
      </c>
      <c r="B3" s="4" t="s">
        <v>1478</v>
      </c>
      <c r="C3" s="6" t="s">
        <v>39</v>
      </c>
      <c r="D3" s="4" t="s">
        <v>1479</v>
      </c>
      <c r="E3" s="9">
        <v>45762</v>
      </c>
      <c r="F3" s="9">
        <v>46098</v>
      </c>
      <c r="G3" s="39" t="s">
        <v>1480</v>
      </c>
      <c r="H3" s="39" t="s">
        <v>1481</v>
      </c>
      <c r="I3" s="39" t="s">
        <v>1482</v>
      </c>
      <c r="J3" s="39" t="s">
        <v>1483</v>
      </c>
      <c r="K3" s="39" t="s">
        <v>981</v>
      </c>
      <c r="L3" s="10" t="s">
        <v>85</v>
      </c>
      <c r="M3" s="39" t="s">
        <v>1484</v>
      </c>
      <c r="N3" s="169"/>
    </row>
    <row r="4" spans="1:14" s="68" customFormat="1" ht="144.6" hidden="1" customHeight="1" x14ac:dyDescent="0.2">
      <c r="A4" s="4" t="s">
        <v>1477</v>
      </c>
      <c r="B4" s="4" t="s">
        <v>1503</v>
      </c>
      <c r="C4" s="7" t="s">
        <v>99</v>
      </c>
      <c r="D4" s="84" t="s">
        <v>1504</v>
      </c>
      <c r="E4" s="9">
        <v>45856</v>
      </c>
      <c r="F4" s="9">
        <v>45950</v>
      </c>
      <c r="G4" s="39" t="s">
        <v>1505</v>
      </c>
      <c r="H4" s="39" t="s">
        <v>1496</v>
      </c>
      <c r="I4" s="39" t="s">
        <v>1506</v>
      </c>
      <c r="J4" s="39" t="s">
        <v>125</v>
      </c>
      <c r="K4" s="39" t="s">
        <v>1507</v>
      </c>
      <c r="L4" s="10" t="s">
        <v>174</v>
      </c>
      <c r="M4" s="39" t="s">
        <v>1505</v>
      </c>
      <c r="N4" s="159" t="s">
        <v>1508</v>
      </c>
    </row>
    <row r="5" spans="1:14" s="68" customFormat="1" ht="173.4" hidden="1" customHeight="1" x14ac:dyDescent="0.2">
      <c r="A5" s="4" t="s">
        <v>1477</v>
      </c>
      <c r="B5" s="4" t="s">
        <v>1509</v>
      </c>
      <c r="C5" s="6" t="s">
        <v>99</v>
      </c>
      <c r="D5" s="84" t="s">
        <v>1510</v>
      </c>
      <c r="E5" s="9">
        <v>45856</v>
      </c>
      <c r="F5" s="9">
        <v>45950</v>
      </c>
      <c r="G5" s="39" t="s">
        <v>1505</v>
      </c>
      <c r="H5" s="39" t="s">
        <v>1496</v>
      </c>
      <c r="I5" s="39" t="s">
        <v>1506</v>
      </c>
      <c r="J5" s="39" t="s">
        <v>125</v>
      </c>
      <c r="K5" s="39" t="s">
        <v>1507</v>
      </c>
      <c r="L5" s="10" t="s">
        <v>174</v>
      </c>
      <c r="M5" s="39" t="s">
        <v>1505</v>
      </c>
      <c r="N5" s="159" t="s">
        <v>1508</v>
      </c>
    </row>
    <row r="6" spans="1:14" s="68" customFormat="1" ht="109.95" hidden="1" customHeight="1" x14ac:dyDescent="0.2">
      <c r="A6" s="4" t="s">
        <v>1477</v>
      </c>
      <c r="B6" s="4" t="s">
        <v>1488</v>
      </c>
      <c r="C6" s="6" t="s">
        <v>39</v>
      </c>
      <c r="D6" s="4" t="s">
        <v>1489</v>
      </c>
      <c r="E6" s="9">
        <v>45931</v>
      </c>
      <c r="F6" s="9">
        <v>45991</v>
      </c>
      <c r="G6" s="39" t="s">
        <v>1490</v>
      </c>
      <c r="H6" s="39" t="s">
        <v>1491</v>
      </c>
      <c r="I6" s="39" t="s">
        <v>1482</v>
      </c>
      <c r="J6" s="39" t="s">
        <v>1492</v>
      </c>
      <c r="K6" s="39" t="s">
        <v>981</v>
      </c>
      <c r="L6" s="10" t="s">
        <v>116</v>
      </c>
      <c r="M6" s="39" t="s">
        <v>1484</v>
      </c>
      <c r="N6" s="160"/>
    </row>
    <row r="7" spans="1:14" s="68" customFormat="1" ht="146.4" hidden="1" thickTop="1" x14ac:dyDescent="0.2">
      <c r="A7" s="4" t="s">
        <v>21</v>
      </c>
      <c r="B7" s="4" t="s">
        <v>1499</v>
      </c>
      <c r="C7" s="6" t="s">
        <v>99</v>
      </c>
      <c r="D7" s="4" t="s">
        <v>1500</v>
      </c>
      <c r="E7" s="9">
        <v>45932</v>
      </c>
      <c r="F7" s="9">
        <v>45932</v>
      </c>
      <c r="G7" s="39" t="s">
        <v>1495</v>
      </c>
      <c r="H7" s="39" t="s">
        <v>1496</v>
      </c>
      <c r="I7" s="39" t="s">
        <v>1495</v>
      </c>
      <c r="J7" s="39" t="s">
        <v>60</v>
      </c>
      <c r="K7" s="39" t="s">
        <v>61</v>
      </c>
      <c r="L7" s="10" t="s">
        <v>62</v>
      </c>
      <c r="M7" s="39" t="s">
        <v>1495</v>
      </c>
      <c r="N7" s="159" t="s">
        <v>1498</v>
      </c>
    </row>
    <row r="8" spans="1:14" s="68" customFormat="1" ht="146.4" hidden="1" thickTop="1" x14ac:dyDescent="0.2">
      <c r="A8" s="4" t="s">
        <v>21</v>
      </c>
      <c r="B8" s="4" t="s">
        <v>1493</v>
      </c>
      <c r="C8" s="7" t="s">
        <v>55</v>
      </c>
      <c r="D8" s="4" t="s">
        <v>1494</v>
      </c>
      <c r="E8" s="9">
        <v>45940</v>
      </c>
      <c r="F8" s="9">
        <v>45940</v>
      </c>
      <c r="G8" s="39" t="s">
        <v>1495</v>
      </c>
      <c r="H8" s="39" t="s">
        <v>1496</v>
      </c>
      <c r="I8" s="39" t="s">
        <v>1495</v>
      </c>
      <c r="J8" s="39" t="s">
        <v>1497</v>
      </c>
      <c r="K8" s="39" t="s">
        <v>61</v>
      </c>
      <c r="L8" s="10" t="s">
        <v>85</v>
      </c>
      <c r="M8" s="39" t="s">
        <v>1495</v>
      </c>
      <c r="N8" s="159" t="s">
        <v>1498</v>
      </c>
    </row>
    <row r="9" spans="1:14" s="68" customFormat="1" ht="114" hidden="1" thickTop="1" x14ac:dyDescent="0.2">
      <c r="A9" s="4" t="s">
        <v>1477</v>
      </c>
      <c r="B9" s="4" t="s">
        <v>1511</v>
      </c>
      <c r="C9" s="7" t="s">
        <v>99</v>
      </c>
      <c r="D9" s="84" t="s">
        <v>1512</v>
      </c>
      <c r="E9" s="9">
        <v>45954</v>
      </c>
      <c r="F9" s="9">
        <v>46055</v>
      </c>
      <c r="G9" s="39" t="s">
        <v>1505</v>
      </c>
      <c r="H9" s="39" t="s">
        <v>1496</v>
      </c>
      <c r="I9" s="39" t="s">
        <v>1506</v>
      </c>
      <c r="J9" s="39" t="s">
        <v>125</v>
      </c>
      <c r="K9" s="39" t="s">
        <v>1507</v>
      </c>
      <c r="L9" s="10" t="s">
        <v>174</v>
      </c>
      <c r="M9" s="39" t="s">
        <v>1505</v>
      </c>
      <c r="N9" s="159" t="s">
        <v>1508</v>
      </c>
    </row>
    <row r="10" spans="1:14" s="68" customFormat="1" ht="132.6" hidden="1" thickTop="1" x14ac:dyDescent="0.2">
      <c r="A10" s="4" t="s">
        <v>1477</v>
      </c>
      <c r="B10" s="4" t="s">
        <v>1513</v>
      </c>
      <c r="C10" s="7" t="s">
        <v>99</v>
      </c>
      <c r="D10" s="84" t="s">
        <v>1514</v>
      </c>
      <c r="E10" s="9">
        <v>45954</v>
      </c>
      <c r="F10" s="9">
        <v>46055</v>
      </c>
      <c r="G10" s="39" t="s">
        <v>1505</v>
      </c>
      <c r="H10" s="39" t="s">
        <v>1496</v>
      </c>
      <c r="I10" s="39" t="s">
        <v>1506</v>
      </c>
      <c r="J10" s="39" t="s">
        <v>125</v>
      </c>
      <c r="K10" s="39" t="s">
        <v>1507</v>
      </c>
      <c r="L10" s="10" t="s">
        <v>174</v>
      </c>
      <c r="M10" s="39" t="s">
        <v>1505</v>
      </c>
      <c r="N10" s="159" t="s">
        <v>1508</v>
      </c>
    </row>
    <row r="11" spans="1:14" s="68" customFormat="1" ht="146.4" hidden="1" thickTop="1" x14ac:dyDescent="0.2">
      <c r="A11" s="4" t="s">
        <v>21</v>
      </c>
      <c r="B11" s="4" t="s">
        <v>1501</v>
      </c>
      <c r="C11" s="7" t="s">
        <v>99</v>
      </c>
      <c r="D11" s="4" t="s">
        <v>1502</v>
      </c>
      <c r="E11" s="9">
        <v>45959</v>
      </c>
      <c r="F11" s="9">
        <v>45959</v>
      </c>
      <c r="G11" s="39" t="s">
        <v>1495</v>
      </c>
      <c r="H11" s="39" t="s">
        <v>1496</v>
      </c>
      <c r="I11" s="39" t="s">
        <v>1495</v>
      </c>
      <c r="J11" s="39" t="s">
        <v>60</v>
      </c>
      <c r="K11" s="39" t="s">
        <v>61</v>
      </c>
      <c r="L11" s="10" t="s">
        <v>85</v>
      </c>
      <c r="M11" s="39" t="s">
        <v>1495</v>
      </c>
      <c r="N11" s="159" t="s">
        <v>1498</v>
      </c>
    </row>
    <row r="12" spans="1:14" s="68" customFormat="1" ht="53.4" thickTop="1" x14ac:dyDescent="0.2">
      <c r="A12" s="4" t="s">
        <v>1477</v>
      </c>
      <c r="B12" s="4" t="s">
        <v>1485</v>
      </c>
      <c r="C12" s="7" t="s">
        <v>39</v>
      </c>
      <c r="D12" s="4" t="s">
        <v>1486</v>
      </c>
      <c r="E12" s="9">
        <v>45970</v>
      </c>
      <c r="F12" s="9">
        <v>45970</v>
      </c>
      <c r="G12" s="39" t="s">
        <v>1480</v>
      </c>
      <c r="H12" s="39" t="s">
        <v>1481</v>
      </c>
      <c r="I12" s="39" t="s">
        <v>1487</v>
      </c>
      <c r="J12" s="39" t="s">
        <v>1483</v>
      </c>
      <c r="K12" s="39" t="s">
        <v>61</v>
      </c>
      <c r="L12" s="10" t="s">
        <v>85</v>
      </c>
      <c r="M12" s="39" t="s">
        <v>1484</v>
      </c>
      <c r="N12" s="160"/>
    </row>
    <row r="13" spans="1:14" s="68" customFormat="1" ht="93.6" hidden="1" customHeight="1" x14ac:dyDescent="0.2">
      <c r="A13" s="4" t="s">
        <v>21</v>
      </c>
      <c r="B13" s="4" t="s">
        <v>1458</v>
      </c>
      <c r="C13" s="7" t="s">
        <v>99</v>
      </c>
      <c r="D13" s="4" t="s">
        <v>1459</v>
      </c>
      <c r="E13" s="37" t="s">
        <v>1460</v>
      </c>
      <c r="F13" s="37" t="s">
        <v>1461</v>
      </c>
      <c r="G13" s="39" t="s">
        <v>1462</v>
      </c>
      <c r="H13" s="39" t="s">
        <v>1463</v>
      </c>
      <c r="I13" s="39" t="s">
        <v>1464</v>
      </c>
      <c r="J13" s="39" t="s">
        <v>125</v>
      </c>
      <c r="K13" s="39" t="s">
        <v>61</v>
      </c>
      <c r="L13" s="10" t="s">
        <v>62</v>
      </c>
      <c r="M13" s="39" t="s">
        <v>1465</v>
      </c>
      <c r="N13" s="160"/>
    </row>
    <row r="14" spans="1:14" s="68" customFormat="1" ht="93.6" hidden="1" customHeight="1" x14ac:dyDescent="0.2">
      <c r="A14" s="4" t="s">
        <v>21</v>
      </c>
      <c r="B14" s="4" t="s">
        <v>1466</v>
      </c>
      <c r="C14" s="7" t="s">
        <v>99</v>
      </c>
      <c r="D14" s="4" t="s">
        <v>1467</v>
      </c>
      <c r="E14" s="37" t="s">
        <v>1468</v>
      </c>
      <c r="F14" s="37" t="s">
        <v>1468</v>
      </c>
      <c r="G14" s="39" t="s">
        <v>1469</v>
      </c>
      <c r="H14" s="39" t="s">
        <v>1470</v>
      </c>
      <c r="I14" s="39" t="s">
        <v>1464</v>
      </c>
      <c r="J14" s="39" t="s">
        <v>125</v>
      </c>
      <c r="K14" s="39" t="s">
        <v>61</v>
      </c>
      <c r="L14" s="10" t="s">
        <v>62</v>
      </c>
      <c r="M14" s="39" t="s">
        <v>1465</v>
      </c>
      <c r="N14" s="160"/>
    </row>
    <row r="15" spans="1:14" s="68" customFormat="1" ht="93.6" hidden="1" customHeight="1" x14ac:dyDescent="0.2">
      <c r="A15" s="4" t="s">
        <v>21</v>
      </c>
      <c r="B15" s="4" t="s">
        <v>1471</v>
      </c>
      <c r="C15" s="7" t="s">
        <v>55</v>
      </c>
      <c r="D15" s="4" t="s">
        <v>1472</v>
      </c>
      <c r="E15" s="37" t="s">
        <v>1473</v>
      </c>
      <c r="F15" s="37" t="s">
        <v>1474</v>
      </c>
      <c r="G15" s="39" t="s">
        <v>1475</v>
      </c>
      <c r="H15" s="39" t="s">
        <v>1470</v>
      </c>
      <c r="I15" s="39" t="s">
        <v>1464</v>
      </c>
      <c r="J15" s="39" t="s">
        <v>1476</v>
      </c>
      <c r="K15" s="39" t="s">
        <v>70</v>
      </c>
      <c r="L15" s="10" t="s">
        <v>62</v>
      </c>
      <c r="M15" s="39" t="s">
        <v>1465</v>
      </c>
      <c r="N15" s="160"/>
    </row>
  </sheetData>
  <autoFilter ref="A2:N15">
    <filterColumn colId="5">
      <filters>
        <dateGroupItem year="2024" dateTimeGrouping="year"/>
      </filters>
    </filterColumn>
  </autoFilter>
  <mergeCells count="1">
    <mergeCell ref="A1:N1"/>
  </mergeCells>
  <phoneticPr fontId="2"/>
  <dataValidations count="1">
    <dataValidation type="list" allowBlank="1" showInputMessage="1" showErrorMessage="1" sqref="K3:K15">
      <formula1>"有料,無料,その他"</formula1>
    </dataValidation>
  </dataValidations>
  <hyperlinks>
    <hyperlink ref="N4" r:id="rId1"/>
    <hyperlink ref="N5" r:id="rId2"/>
    <hyperlink ref="N7" r:id="rId3"/>
    <hyperlink ref="N8" r:id="rId4"/>
    <hyperlink ref="N9" r:id="rId5"/>
    <hyperlink ref="N10" r:id="rId6"/>
    <hyperlink ref="N11" r:id="rId7"/>
  </hyperlinks>
  <pageMargins left="0.23622047244094491" right="0.23622047244094491" top="0.74803149606299213" bottom="0.74803149606299213" header="0.31496062992125984" footer="0.31496062992125984"/>
  <pageSetup paperSize="9" scale="50" fitToHeight="0" orientation="portrait" r:id="rId8"/>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4">
    <pageSetUpPr fitToPage="1"/>
  </sheetPr>
  <dimension ref="A1:N16"/>
  <sheetViews>
    <sheetView zoomScale="80" zoomScaleNormal="80" workbookViewId="0">
      <pane ySplit="2" topLeftCell="A3" activePane="bottomLeft" state="frozen"/>
      <selection activeCell="Q5" sqref="Q5"/>
      <selection pane="bottomLeft" activeCell="E2" sqref="E2"/>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119.4" thickTop="1" x14ac:dyDescent="0.2">
      <c r="A3" s="14" t="s">
        <v>22</v>
      </c>
      <c r="B3" s="14" t="s">
        <v>2068</v>
      </c>
      <c r="C3" s="16" t="s">
        <v>99</v>
      </c>
      <c r="D3" s="14" t="s">
        <v>2069</v>
      </c>
      <c r="E3" s="33">
        <v>45917</v>
      </c>
      <c r="F3" s="34" t="s">
        <v>2070</v>
      </c>
      <c r="G3" s="13" t="s">
        <v>2071</v>
      </c>
      <c r="H3" s="13" t="s">
        <v>2057</v>
      </c>
      <c r="I3" s="13" t="s">
        <v>2071</v>
      </c>
      <c r="J3" s="13" t="s">
        <v>2072</v>
      </c>
      <c r="K3" s="13" t="s">
        <v>70</v>
      </c>
      <c r="L3" s="17" t="s">
        <v>62</v>
      </c>
      <c r="M3" s="13" t="s">
        <v>2071</v>
      </c>
      <c r="N3" s="159" t="s">
        <v>2073</v>
      </c>
    </row>
    <row r="4" spans="1:14" s="68" customFormat="1" ht="118.8" x14ac:dyDescent="0.2">
      <c r="A4" s="14" t="s">
        <v>22</v>
      </c>
      <c r="B4" s="14" t="s">
        <v>2074</v>
      </c>
      <c r="C4" s="16" t="s">
        <v>99</v>
      </c>
      <c r="D4" s="14" t="s">
        <v>2075</v>
      </c>
      <c r="E4" s="33">
        <v>45921</v>
      </c>
      <c r="F4" s="34">
        <v>45921</v>
      </c>
      <c r="G4" s="13" t="s">
        <v>2071</v>
      </c>
      <c r="H4" s="13" t="s">
        <v>2057</v>
      </c>
      <c r="I4" s="13" t="s">
        <v>2071</v>
      </c>
      <c r="J4" s="13" t="s">
        <v>2072</v>
      </c>
      <c r="K4" s="13" t="s">
        <v>70</v>
      </c>
      <c r="L4" s="17" t="s">
        <v>85</v>
      </c>
      <c r="M4" s="13" t="s">
        <v>2071</v>
      </c>
      <c r="N4" s="159" t="s">
        <v>2073</v>
      </c>
    </row>
    <row r="5" spans="1:14" s="68" customFormat="1" ht="118.8" x14ac:dyDescent="0.2">
      <c r="A5" s="14" t="s">
        <v>22</v>
      </c>
      <c r="B5" s="14" t="s">
        <v>2076</v>
      </c>
      <c r="C5" s="16" t="s">
        <v>99</v>
      </c>
      <c r="D5" s="14" t="s">
        <v>2077</v>
      </c>
      <c r="E5" s="33">
        <v>45928</v>
      </c>
      <c r="F5" s="34">
        <v>45928</v>
      </c>
      <c r="G5" s="13" t="s">
        <v>2071</v>
      </c>
      <c r="H5" s="13" t="s">
        <v>2057</v>
      </c>
      <c r="I5" s="13" t="s">
        <v>2071</v>
      </c>
      <c r="J5" s="13" t="s">
        <v>2072</v>
      </c>
      <c r="K5" s="13" t="s">
        <v>70</v>
      </c>
      <c r="L5" s="17" t="s">
        <v>85</v>
      </c>
      <c r="M5" s="13" t="s">
        <v>2071</v>
      </c>
      <c r="N5" s="159" t="s">
        <v>2073</v>
      </c>
    </row>
    <row r="6" spans="1:14" s="68" customFormat="1" ht="118.8" x14ac:dyDescent="0.2">
      <c r="A6" s="14" t="s">
        <v>22</v>
      </c>
      <c r="B6" s="14" t="s">
        <v>2081</v>
      </c>
      <c r="C6" s="16" t="s">
        <v>99</v>
      </c>
      <c r="D6" s="14" t="s">
        <v>2069</v>
      </c>
      <c r="E6" s="33">
        <v>45931</v>
      </c>
      <c r="F6" s="34" t="s">
        <v>2082</v>
      </c>
      <c r="G6" s="13" t="s">
        <v>2071</v>
      </c>
      <c r="H6" s="13" t="s">
        <v>2057</v>
      </c>
      <c r="I6" s="13" t="s">
        <v>2071</v>
      </c>
      <c r="J6" s="13" t="s">
        <v>2072</v>
      </c>
      <c r="K6" s="13" t="s">
        <v>70</v>
      </c>
      <c r="L6" s="17" t="s">
        <v>62</v>
      </c>
      <c r="M6" s="13" t="s">
        <v>2071</v>
      </c>
      <c r="N6" s="159" t="s">
        <v>2073</v>
      </c>
    </row>
    <row r="7" spans="1:14" s="68" customFormat="1" ht="118.8" x14ac:dyDescent="0.2">
      <c r="A7" s="14" t="s">
        <v>22</v>
      </c>
      <c r="B7" s="14" t="s">
        <v>2083</v>
      </c>
      <c r="C7" s="16" t="s">
        <v>99</v>
      </c>
      <c r="D7" s="14" t="s">
        <v>2084</v>
      </c>
      <c r="E7" s="33">
        <v>45942</v>
      </c>
      <c r="F7" s="34">
        <v>45942</v>
      </c>
      <c r="G7" s="13" t="s">
        <v>2071</v>
      </c>
      <c r="H7" s="13" t="s">
        <v>2057</v>
      </c>
      <c r="I7" s="13" t="s">
        <v>2071</v>
      </c>
      <c r="J7" s="13" t="s">
        <v>2072</v>
      </c>
      <c r="K7" s="13" t="s">
        <v>70</v>
      </c>
      <c r="L7" s="17" t="s">
        <v>85</v>
      </c>
      <c r="M7" s="13" t="s">
        <v>2071</v>
      </c>
      <c r="N7" s="159" t="s">
        <v>2073</v>
      </c>
    </row>
    <row r="8" spans="1:14" s="68" customFormat="1" ht="118.8" x14ac:dyDescent="0.2">
      <c r="A8" s="14" t="s">
        <v>22</v>
      </c>
      <c r="B8" s="14" t="s">
        <v>2085</v>
      </c>
      <c r="C8" s="16" t="s">
        <v>99</v>
      </c>
      <c r="D8" s="14" t="s">
        <v>2075</v>
      </c>
      <c r="E8" s="33">
        <v>45949</v>
      </c>
      <c r="F8" s="34">
        <v>45949</v>
      </c>
      <c r="G8" s="13" t="s">
        <v>2071</v>
      </c>
      <c r="H8" s="13" t="s">
        <v>2057</v>
      </c>
      <c r="I8" s="13" t="s">
        <v>2071</v>
      </c>
      <c r="J8" s="13" t="s">
        <v>2072</v>
      </c>
      <c r="K8" s="13" t="s">
        <v>70</v>
      </c>
      <c r="L8" s="17" t="s">
        <v>85</v>
      </c>
      <c r="M8" s="13" t="s">
        <v>2071</v>
      </c>
      <c r="N8" s="159" t="s">
        <v>2073</v>
      </c>
    </row>
    <row r="9" spans="1:14" s="68" customFormat="1" ht="118.8" x14ac:dyDescent="0.2">
      <c r="A9" s="14" t="s">
        <v>22</v>
      </c>
      <c r="B9" s="14" t="s">
        <v>2086</v>
      </c>
      <c r="C9" s="16" t="s">
        <v>99</v>
      </c>
      <c r="D9" s="14" t="s">
        <v>2087</v>
      </c>
      <c r="E9" s="33">
        <v>45955</v>
      </c>
      <c r="F9" s="34">
        <v>45956</v>
      </c>
      <c r="G9" s="13" t="s">
        <v>2071</v>
      </c>
      <c r="H9" s="13" t="s">
        <v>2057</v>
      </c>
      <c r="I9" s="13" t="s">
        <v>2071</v>
      </c>
      <c r="J9" s="13" t="s">
        <v>2072</v>
      </c>
      <c r="K9" s="13" t="s">
        <v>70</v>
      </c>
      <c r="L9" s="17" t="s">
        <v>85</v>
      </c>
      <c r="M9" s="13" t="s">
        <v>2071</v>
      </c>
      <c r="N9" s="159" t="s">
        <v>2073</v>
      </c>
    </row>
    <row r="10" spans="1:14" s="68" customFormat="1" ht="118.8" x14ac:dyDescent="0.2">
      <c r="A10" s="14" t="s">
        <v>22</v>
      </c>
      <c r="B10" s="14" t="s">
        <v>2088</v>
      </c>
      <c r="C10" s="16" t="s">
        <v>99</v>
      </c>
      <c r="D10" s="14" t="s">
        <v>2069</v>
      </c>
      <c r="E10" s="33">
        <v>45962</v>
      </c>
      <c r="F10" s="34" t="s">
        <v>2089</v>
      </c>
      <c r="G10" s="13" t="s">
        <v>2071</v>
      </c>
      <c r="H10" s="13" t="s">
        <v>2057</v>
      </c>
      <c r="I10" s="13" t="s">
        <v>2071</v>
      </c>
      <c r="J10" s="13" t="s">
        <v>2072</v>
      </c>
      <c r="K10" s="13" t="s">
        <v>70</v>
      </c>
      <c r="L10" s="17" t="s">
        <v>62</v>
      </c>
      <c r="M10" s="13" t="s">
        <v>2071</v>
      </c>
      <c r="N10" s="159" t="s">
        <v>2073</v>
      </c>
    </row>
    <row r="11" spans="1:14" s="68" customFormat="1" ht="118.8" x14ac:dyDescent="0.2">
      <c r="A11" s="14" t="s">
        <v>22</v>
      </c>
      <c r="B11" s="14" t="s">
        <v>2090</v>
      </c>
      <c r="C11" s="16" t="s">
        <v>99</v>
      </c>
      <c r="D11" s="14" t="s">
        <v>2069</v>
      </c>
      <c r="E11" s="33">
        <v>45965</v>
      </c>
      <c r="F11" s="34" t="s">
        <v>2091</v>
      </c>
      <c r="G11" s="13" t="s">
        <v>2071</v>
      </c>
      <c r="H11" s="13" t="s">
        <v>2057</v>
      </c>
      <c r="I11" s="13" t="s">
        <v>2071</v>
      </c>
      <c r="J11" s="13" t="s">
        <v>2072</v>
      </c>
      <c r="K11" s="13" t="s">
        <v>70</v>
      </c>
      <c r="L11" s="17" t="s">
        <v>62</v>
      </c>
      <c r="M11" s="13" t="s">
        <v>2071</v>
      </c>
      <c r="N11" s="159" t="s">
        <v>2073</v>
      </c>
    </row>
    <row r="12" spans="1:14" s="68" customFormat="1" ht="118.8" x14ac:dyDescent="0.2">
      <c r="A12" s="14" t="s">
        <v>22</v>
      </c>
      <c r="B12" s="14" t="s">
        <v>2092</v>
      </c>
      <c r="C12" s="16" t="s">
        <v>99</v>
      </c>
      <c r="D12" s="14" t="s">
        <v>2075</v>
      </c>
      <c r="E12" s="33">
        <v>45977</v>
      </c>
      <c r="F12" s="34">
        <v>45977</v>
      </c>
      <c r="G12" s="13" t="s">
        <v>2071</v>
      </c>
      <c r="H12" s="13" t="s">
        <v>2057</v>
      </c>
      <c r="I12" s="13" t="s">
        <v>2071</v>
      </c>
      <c r="J12" s="13" t="s">
        <v>2072</v>
      </c>
      <c r="K12" s="13" t="s">
        <v>70</v>
      </c>
      <c r="L12" s="17" t="s">
        <v>85</v>
      </c>
      <c r="M12" s="13" t="s">
        <v>2071</v>
      </c>
      <c r="N12" s="159" t="s">
        <v>2073</v>
      </c>
    </row>
    <row r="13" spans="1:14" s="68" customFormat="1" ht="118.8" x14ac:dyDescent="0.2">
      <c r="A13" s="14" t="s">
        <v>22</v>
      </c>
      <c r="B13" s="14" t="s">
        <v>2053</v>
      </c>
      <c r="C13" s="16" t="s">
        <v>80</v>
      </c>
      <c r="D13" s="14" t="s">
        <v>2054</v>
      </c>
      <c r="E13" s="41" t="s">
        <v>2055</v>
      </c>
      <c r="F13" s="41" t="s">
        <v>2055</v>
      </c>
      <c r="G13" s="13" t="s">
        <v>2056</v>
      </c>
      <c r="H13" s="13" t="s">
        <v>2057</v>
      </c>
      <c r="I13" s="54" t="s">
        <v>2058</v>
      </c>
      <c r="J13" s="54" t="s">
        <v>2059</v>
      </c>
      <c r="K13" s="13" t="s">
        <v>61</v>
      </c>
      <c r="L13" s="17" t="s">
        <v>85</v>
      </c>
      <c r="M13" s="54" t="s">
        <v>2060</v>
      </c>
      <c r="N13" s="163" t="s">
        <v>2061</v>
      </c>
    </row>
    <row r="14" spans="1:14" s="68" customFormat="1" ht="118.8" x14ac:dyDescent="0.2">
      <c r="A14" s="14" t="s">
        <v>22</v>
      </c>
      <c r="B14" s="14" t="s">
        <v>2062</v>
      </c>
      <c r="C14" s="16" t="s">
        <v>80</v>
      </c>
      <c r="D14" s="14" t="s">
        <v>2063</v>
      </c>
      <c r="E14" s="44" t="s">
        <v>2064</v>
      </c>
      <c r="F14" s="44" t="s">
        <v>2064</v>
      </c>
      <c r="G14" s="13" t="s">
        <v>2056</v>
      </c>
      <c r="H14" s="13" t="s">
        <v>2057</v>
      </c>
      <c r="I14" s="54" t="s">
        <v>2058</v>
      </c>
      <c r="J14" s="54" t="s">
        <v>2059</v>
      </c>
      <c r="K14" s="13" t="s">
        <v>61</v>
      </c>
      <c r="L14" s="17" t="s">
        <v>62</v>
      </c>
      <c r="M14" s="54" t="s">
        <v>2060</v>
      </c>
      <c r="N14" s="163" t="s">
        <v>2061</v>
      </c>
    </row>
    <row r="15" spans="1:14" s="68" customFormat="1" ht="118.8" x14ac:dyDescent="0.2">
      <c r="A15" s="14" t="s">
        <v>22</v>
      </c>
      <c r="B15" s="14" t="s">
        <v>2065</v>
      </c>
      <c r="C15" s="16" t="s">
        <v>80</v>
      </c>
      <c r="D15" s="14" t="s">
        <v>2066</v>
      </c>
      <c r="E15" s="44" t="s">
        <v>2067</v>
      </c>
      <c r="F15" s="44" t="s">
        <v>2067</v>
      </c>
      <c r="G15" s="13" t="s">
        <v>2056</v>
      </c>
      <c r="H15" s="13" t="s">
        <v>2057</v>
      </c>
      <c r="I15" s="54" t="s">
        <v>2058</v>
      </c>
      <c r="J15" s="54" t="s">
        <v>2059</v>
      </c>
      <c r="K15" s="13" t="s">
        <v>61</v>
      </c>
      <c r="L15" s="17" t="s">
        <v>62</v>
      </c>
      <c r="M15" s="54" t="s">
        <v>2060</v>
      </c>
      <c r="N15" s="163" t="s">
        <v>2061</v>
      </c>
    </row>
    <row r="16" spans="1:14" s="68" customFormat="1" ht="118.8" x14ac:dyDescent="0.2">
      <c r="A16" s="14" t="s">
        <v>22</v>
      </c>
      <c r="B16" s="14" t="s">
        <v>2078</v>
      </c>
      <c r="C16" s="16" t="s">
        <v>99</v>
      </c>
      <c r="D16" s="14" t="s">
        <v>2079</v>
      </c>
      <c r="E16" s="38" t="s">
        <v>2080</v>
      </c>
      <c r="F16" s="34" t="s">
        <v>2080</v>
      </c>
      <c r="G16" s="13" t="s">
        <v>2071</v>
      </c>
      <c r="H16" s="13" t="s">
        <v>2057</v>
      </c>
      <c r="I16" s="13" t="s">
        <v>2071</v>
      </c>
      <c r="J16" s="13" t="s">
        <v>2072</v>
      </c>
      <c r="K16" s="13" t="s">
        <v>70</v>
      </c>
      <c r="L16" s="17" t="s">
        <v>85</v>
      </c>
      <c r="M16" s="13" t="s">
        <v>2071</v>
      </c>
      <c r="N16" s="159" t="s">
        <v>2073</v>
      </c>
    </row>
  </sheetData>
  <autoFilter ref="A2:N16"/>
  <mergeCells count="1">
    <mergeCell ref="A1:N1"/>
  </mergeCells>
  <phoneticPr fontId="2"/>
  <dataValidations count="1">
    <dataValidation type="list" allowBlank="1" showInputMessage="1" showErrorMessage="1" sqref="K3:K16">
      <formula1>"有料,無料,その他"</formula1>
    </dataValidation>
  </dataValidations>
  <hyperlinks>
    <hyperlink ref="N3" r:id="rId1"/>
    <hyperlink ref="N4" r:id="rId2"/>
    <hyperlink ref="N5" r:id="rId3"/>
    <hyperlink ref="N6" r:id="rId4"/>
    <hyperlink ref="N7" r:id="rId5"/>
    <hyperlink ref="N8" r:id="rId6"/>
    <hyperlink ref="N9" r:id="rId7"/>
    <hyperlink ref="N10" r:id="rId8"/>
    <hyperlink ref="N11" r:id="rId9"/>
    <hyperlink ref="N12" r:id="rId10"/>
    <hyperlink ref="N13" r:id="rId11"/>
    <hyperlink ref="N14" r:id="rId12"/>
    <hyperlink ref="N15" r:id="rId13"/>
    <hyperlink ref="N16" r:id="rId14"/>
  </hyperlinks>
  <pageMargins left="0.23622047244094491" right="0.23622047244094491" top="0.74803149606299213" bottom="0.74803149606299213" header="0.31496062992125984" footer="0.31496062992125984"/>
  <pageSetup paperSize="9" scale="50" fitToHeight="0" orientation="portrait" r:id="rId15"/>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6">
    <pageSetUpPr fitToPage="1"/>
  </sheetPr>
  <dimension ref="A1:N41"/>
  <sheetViews>
    <sheetView zoomScale="70" zoomScaleNormal="70" workbookViewId="0">
      <pane ySplit="2" topLeftCell="A40" activePane="bottomLeft" state="frozen"/>
      <selection activeCell="Q5" sqref="Q5"/>
      <selection pane="bottomLeft" activeCell="A42" sqref="A42"/>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2.55468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11.44140625" style="162" customWidth="1"/>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79.8" thickTop="1" x14ac:dyDescent="0.2">
      <c r="A3" s="11" t="s">
        <v>23</v>
      </c>
      <c r="B3" s="11" t="s">
        <v>73</v>
      </c>
      <c r="C3" s="12" t="s">
        <v>55</v>
      </c>
      <c r="D3" s="11" t="s">
        <v>74</v>
      </c>
      <c r="E3" s="69">
        <v>45917</v>
      </c>
      <c r="F3" s="69">
        <v>45978</v>
      </c>
      <c r="G3" s="50" t="s">
        <v>75</v>
      </c>
      <c r="H3" s="50" t="s">
        <v>76</v>
      </c>
      <c r="I3" s="49" t="s">
        <v>75</v>
      </c>
      <c r="J3" s="50" t="s">
        <v>60</v>
      </c>
      <c r="K3" s="50" t="s">
        <v>61</v>
      </c>
      <c r="L3" s="70" t="s">
        <v>62</v>
      </c>
      <c r="M3" s="50" t="s">
        <v>77</v>
      </c>
      <c r="N3" s="159" t="s">
        <v>78</v>
      </c>
    </row>
    <row r="4" spans="1:14" s="68" customFormat="1" ht="129.6" x14ac:dyDescent="0.2">
      <c r="A4" s="11" t="s">
        <v>23</v>
      </c>
      <c r="B4" s="11" t="s">
        <v>183</v>
      </c>
      <c r="C4" s="20" t="s">
        <v>55</v>
      </c>
      <c r="D4" s="11" t="s">
        <v>184</v>
      </c>
      <c r="E4" s="71">
        <v>45917</v>
      </c>
      <c r="F4" s="71">
        <v>45978</v>
      </c>
      <c r="G4" s="72" t="s">
        <v>185</v>
      </c>
      <c r="H4" s="72" t="s">
        <v>186</v>
      </c>
      <c r="I4" s="73" t="s">
        <v>187</v>
      </c>
      <c r="J4" s="50" t="s">
        <v>188</v>
      </c>
      <c r="K4" s="50" t="s">
        <v>70</v>
      </c>
      <c r="L4" s="70" t="s">
        <v>62</v>
      </c>
      <c r="M4" s="50" t="s">
        <v>189</v>
      </c>
      <c r="N4" s="159" t="s">
        <v>190</v>
      </c>
    </row>
    <row r="5" spans="1:14" s="68" customFormat="1" ht="158.4" customHeight="1" x14ac:dyDescent="0.2">
      <c r="A5" s="11" t="s">
        <v>23</v>
      </c>
      <c r="B5" s="11" t="s">
        <v>363</v>
      </c>
      <c r="C5" s="20" t="s">
        <v>55</v>
      </c>
      <c r="D5" s="11" t="s">
        <v>364</v>
      </c>
      <c r="E5" s="69">
        <v>45919</v>
      </c>
      <c r="F5" s="69">
        <v>46003</v>
      </c>
      <c r="G5" s="50" t="s">
        <v>346</v>
      </c>
      <c r="H5" s="50" t="s">
        <v>347</v>
      </c>
      <c r="I5" s="49" t="s">
        <v>348</v>
      </c>
      <c r="J5" s="50" t="s">
        <v>60</v>
      </c>
      <c r="K5" s="50" t="s">
        <v>70</v>
      </c>
      <c r="L5" s="70" t="s">
        <v>62</v>
      </c>
      <c r="M5" s="50" t="s">
        <v>349</v>
      </c>
      <c r="N5" s="163" t="s">
        <v>350</v>
      </c>
    </row>
    <row r="6" spans="1:14" s="68" customFormat="1" ht="158.4" customHeight="1" x14ac:dyDescent="0.2">
      <c r="A6" s="11" t="s">
        <v>23</v>
      </c>
      <c r="B6" s="11" t="s">
        <v>365</v>
      </c>
      <c r="C6" s="12" t="s">
        <v>55</v>
      </c>
      <c r="D6" s="74" t="s">
        <v>366</v>
      </c>
      <c r="E6" s="69">
        <v>45919</v>
      </c>
      <c r="F6" s="69">
        <v>46003</v>
      </c>
      <c r="G6" s="50" t="s">
        <v>346</v>
      </c>
      <c r="H6" s="50" t="s">
        <v>347</v>
      </c>
      <c r="I6" s="49" t="s">
        <v>348</v>
      </c>
      <c r="J6" s="50" t="s">
        <v>60</v>
      </c>
      <c r="K6" s="50" t="s">
        <v>70</v>
      </c>
      <c r="L6" s="70" t="s">
        <v>62</v>
      </c>
      <c r="M6" s="50" t="s">
        <v>349</v>
      </c>
      <c r="N6" s="164" t="s">
        <v>350</v>
      </c>
    </row>
    <row r="7" spans="1:14" s="68" customFormat="1" ht="81" x14ac:dyDescent="0.2">
      <c r="A7" s="11" t="s">
        <v>23</v>
      </c>
      <c r="B7" s="11" t="s">
        <v>507</v>
      </c>
      <c r="C7" s="12" t="s">
        <v>55</v>
      </c>
      <c r="D7" s="46" t="s">
        <v>508</v>
      </c>
      <c r="E7" s="35">
        <v>45920</v>
      </c>
      <c r="F7" s="35">
        <v>45920</v>
      </c>
      <c r="G7" s="43" t="s">
        <v>509</v>
      </c>
      <c r="H7" s="43" t="s">
        <v>510</v>
      </c>
      <c r="I7" s="43" t="s">
        <v>511</v>
      </c>
      <c r="J7" s="43" t="s">
        <v>125</v>
      </c>
      <c r="K7" s="50" t="s">
        <v>61</v>
      </c>
      <c r="L7" s="70" t="s">
        <v>62</v>
      </c>
      <c r="M7" s="43" t="s">
        <v>512</v>
      </c>
      <c r="N7" s="165" t="s">
        <v>513</v>
      </c>
    </row>
    <row r="8" spans="1:14" s="68" customFormat="1" ht="147" customHeight="1" x14ac:dyDescent="0.2">
      <c r="A8" s="11" t="s">
        <v>23</v>
      </c>
      <c r="B8" s="11" t="s">
        <v>344</v>
      </c>
      <c r="C8" s="12" t="s">
        <v>55</v>
      </c>
      <c r="D8" s="11" t="s">
        <v>345</v>
      </c>
      <c r="E8" s="69">
        <v>45922</v>
      </c>
      <c r="F8" s="69">
        <v>45999</v>
      </c>
      <c r="G8" s="50" t="s">
        <v>346</v>
      </c>
      <c r="H8" s="50" t="s">
        <v>347</v>
      </c>
      <c r="I8" s="49" t="s">
        <v>348</v>
      </c>
      <c r="J8" s="50" t="s">
        <v>60</v>
      </c>
      <c r="K8" s="50" t="s">
        <v>70</v>
      </c>
      <c r="L8" s="70" t="s">
        <v>62</v>
      </c>
      <c r="M8" s="50" t="s">
        <v>349</v>
      </c>
      <c r="N8" s="164" t="s">
        <v>350</v>
      </c>
    </row>
    <row r="9" spans="1:14" s="68" customFormat="1" ht="147" customHeight="1" x14ac:dyDescent="0.2">
      <c r="A9" s="11" t="s">
        <v>23</v>
      </c>
      <c r="B9" s="11" t="s">
        <v>351</v>
      </c>
      <c r="C9" s="12" t="s">
        <v>55</v>
      </c>
      <c r="D9" s="11" t="s">
        <v>352</v>
      </c>
      <c r="E9" s="69">
        <v>45922</v>
      </c>
      <c r="F9" s="69">
        <v>46006</v>
      </c>
      <c r="G9" s="50" t="s">
        <v>346</v>
      </c>
      <c r="H9" s="50" t="s">
        <v>347</v>
      </c>
      <c r="I9" s="49" t="s">
        <v>348</v>
      </c>
      <c r="J9" s="50" t="s">
        <v>60</v>
      </c>
      <c r="K9" s="50" t="s">
        <v>70</v>
      </c>
      <c r="L9" s="70" t="s">
        <v>62</v>
      </c>
      <c r="M9" s="50" t="s">
        <v>349</v>
      </c>
      <c r="N9" s="164" t="s">
        <v>350</v>
      </c>
    </row>
    <row r="10" spans="1:14" s="68" customFormat="1" ht="147" customHeight="1" x14ac:dyDescent="0.2">
      <c r="A10" s="11" t="s">
        <v>23</v>
      </c>
      <c r="B10" s="11" t="s">
        <v>353</v>
      </c>
      <c r="C10" s="12" t="s">
        <v>55</v>
      </c>
      <c r="D10" s="11" t="s">
        <v>354</v>
      </c>
      <c r="E10" s="69">
        <v>45922</v>
      </c>
      <c r="F10" s="69">
        <v>46006</v>
      </c>
      <c r="G10" s="50" t="s">
        <v>346</v>
      </c>
      <c r="H10" s="50" t="s">
        <v>347</v>
      </c>
      <c r="I10" s="49" t="s">
        <v>348</v>
      </c>
      <c r="J10" s="50" t="s">
        <v>60</v>
      </c>
      <c r="K10" s="50" t="s">
        <v>70</v>
      </c>
      <c r="L10" s="70" t="s">
        <v>62</v>
      </c>
      <c r="M10" s="50" t="s">
        <v>349</v>
      </c>
      <c r="N10" s="163" t="s">
        <v>350</v>
      </c>
    </row>
    <row r="11" spans="1:14" s="68" customFormat="1" ht="147" customHeight="1" x14ac:dyDescent="0.2">
      <c r="A11" s="11" t="s">
        <v>23</v>
      </c>
      <c r="B11" s="11" t="s">
        <v>359</v>
      </c>
      <c r="C11" s="12" t="s">
        <v>55</v>
      </c>
      <c r="D11" s="11" t="s">
        <v>360</v>
      </c>
      <c r="E11" s="69">
        <v>45925</v>
      </c>
      <c r="F11" s="69">
        <v>45946</v>
      </c>
      <c r="G11" s="50" t="s">
        <v>346</v>
      </c>
      <c r="H11" s="50" t="s">
        <v>347</v>
      </c>
      <c r="I11" s="49" t="s">
        <v>348</v>
      </c>
      <c r="J11" s="50" t="s">
        <v>60</v>
      </c>
      <c r="K11" s="50" t="s">
        <v>70</v>
      </c>
      <c r="L11" s="70" t="s">
        <v>62</v>
      </c>
      <c r="M11" s="50" t="s">
        <v>349</v>
      </c>
      <c r="N11" s="163" t="s">
        <v>350</v>
      </c>
    </row>
    <row r="12" spans="1:14" s="68" customFormat="1" ht="147" customHeight="1" x14ac:dyDescent="0.2">
      <c r="A12" s="75" t="s">
        <v>23</v>
      </c>
      <c r="B12" s="75" t="s">
        <v>234</v>
      </c>
      <c r="C12" s="76" t="s">
        <v>55</v>
      </c>
      <c r="D12" s="75" t="s">
        <v>235</v>
      </c>
      <c r="E12" s="77">
        <v>45927</v>
      </c>
      <c r="F12" s="77">
        <v>45927</v>
      </c>
      <c r="G12" s="78" t="s">
        <v>236</v>
      </c>
      <c r="H12" s="78" t="s">
        <v>237</v>
      </c>
      <c r="I12" s="78" t="s">
        <v>238</v>
      </c>
      <c r="J12" s="78" t="s">
        <v>239</v>
      </c>
      <c r="K12" s="78" t="s">
        <v>61</v>
      </c>
      <c r="L12" s="79" t="s">
        <v>62</v>
      </c>
      <c r="M12" s="78" t="s">
        <v>240</v>
      </c>
      <c r="N12" s="166" t="s">
        <v>241</v>
      </c>
    </row>
    <row r="13" spans="1:14" s="68" customFormat="1" ht="97.2" x14ac:dyDescent="0.2">
      <c r="A13" s="11" t="s">
        <v>23</v>
      </c>
      <c r="B13" s="11" t="s">
        <v>2111</v>
      </c>
      <c r="C13" s="12" t="s">
        <v>80</v>
      </c>
      <c r="D13" s="11" t="s">
        <v>2112</v>
      </c>
      <c r="E13" s="69">
        <v>45928</v>
      </c>
      <c r="F13" s="69">
        <v>45928</v>
      </c>
      <c r="G13" s="50" t="s">
        <v>2113</v>
      </c>
      <c r="H13" s="50" t="s">
        <v>370</v>
      </c>
      <c r="I13" s="49" t="s">
        <v>2114</v>
      </c>
      <c r="J13" s="50" t="s">
        <v>2115</v>
      </c>
      <c r="K13" s="50" t="s">
        <v>61</v>
      </c>
      <c r="L13" s="70" t="s">
        <v>62</v>
      </c>
      <c r="M13" s="50" t="s">
        <v>2116</v>
      </c>
      <c r="N13" s="159" t="s">
        <v>2117</v>
      </c>
    </row>
    <row r="14" spans="1:14" s="68" customFormat="1" ht="146.4" customHeight="1" x14ac:dyDescent="0.2">
      <c r="A14" s="11" t="s">
        <v>23</v>
      </c>
      <c r="B14" s="11" t="s">
        <v>355</v>
      </c>
      <c r="C14" s="12" t="s">
        <v>55</v>
      </c>
      <c r="D14" s="11" t="s">
        <v>356</v>
      </c>
      <c r="E14" s="69">
        <v>45931</v>
      </c>
      <c r="F14" s="69">
        <v>45959</v>
      </c>
      <c r="G14" s="50" t="s">
        <v>346</v>
      </c>
      <c r="H14" s="50" t="s">
        <v>347</v>
      </c>
      <c r="I14" s="49" t="s">
        <v>348</v>
      </c>
      <c r="J14" s="50" t="s">
        <v>60</v>
      </c>
      <c r="K14" s="50" t="s">
        <v>70</v>
      </c>
      <c r="L14" s="70" t="s">
        <v>62</v>
      </c>
      <c r="M14" s="50" t="s">
        <v>349</v>
      </c>
      <c r="N14" s="163" t="s">
        <v>350</v>
      </c>
    </row>
    <row r="15" spans="1:14" s="68" customFormat="1" ht="146.4" customHeight="1" x14ac:dyDescent="0.2">
      <c r="A15" s="11" t="s">
        <v>23</v>
      </c>
      <c r="B15" s="11" t="s">
        <v>361</v>
      </c>
      <c r="C15" s="12" t="s">
        <v>55</v>
      </c>
      <c r="D15" s="11" t="s">
        <v>362</v>
      </c>
      <c r="E15" s="69">
        <v>45932</v>
      </c>
      <c r="F15" s="69">
        <v>45981</v>
      </c>
      <c r="G15" s="50" t="s">
        <v>346</v>
      </c>
      <c r="H15" s="50" t="s">
        <v>347</v>
      </c>
      <c r="I15" s="49" t="s">
        <v>348</v>
      </c>
      <c r="J15" s="50" t="s">
        <v>60</v>
      </c>
      <c r="K15" s="50" t="s">
        <v>70</v>
      </c>
      <c r="L15" s="70" t="s">
        <v>62</v>
      </c>
      <c r="M15" s="50" t="s">
        <v>349</v>
      </c>
      <c r="N15" s="163" t="s">
        <v>350</v>
      </c>
    </row>
    <row r="16" spans="1:14" s="68" customFormat="1" ht="113.4" x14ac:dyDescent="0.2">
      <c r="A16" s="11" t="s">
        <v>23</v>
      </c>
      <c r="B16" s="11" t="s">
        <v>401</v>
      </c>
      <c r="C16" s="12" t="s">
        <v>55</v>
      </c>
      <c r="D16" s="11" t="s">
        <v>2103</v>
      </c>
      <c r="E16" s="69">
        <v>45939</v>
      </c>
      <c r="F16" s="69">
        <v>45939</v>
      </c>
      <c r="G16" s="50" t="s">
        <v>2104</v>
      </c>
      <c r="H16" s="50" t="s">
        <v>2105</v>
      </c>
      <c r="I16" s="50" t="s">
        <v>2104</v>
      </c>
      <c r="J16" s="50" t="s">
        <v>2106</v>
      </c>
      <c r="K16" s="50" t="s">
        <v>61</v>
      </c>
      <c r="L16" s="70" t="s">
        <v>62</v>
      </c>
      <c r="M16" s="50" t="s">
        <v>2107</v>
      </c>
      <c r="N16" s="167" t="s">
        <v>2108</v>
      </c>
    </row>
    <row r="17" spans="1:14" s="68" customFormat="1" ht="113.4" x14ac:dyDescent="0.2">
      <c r="A17" s="11" t="s">
        <v>23</v>
      </c>
      <c r="B17" s="11" t="s">
        <v>2109</v>
      </c>
      <c r="C17" s="12" t="s">
        <v>55</v>
      </c>
      <c r="D17" s="11" t="s">
        <v>2110</v>
      </c>
      <c r="E17" s="69">
        <v>45939</v>
      </c>
      <c r="F17" s="69">
        <v>45939</v>
      </c>
      <c r="G17" s="50" t="s">
        <v>2104</v>
      </c>
      <c r="H17" s="50" t="s">
        <v>2105</v>
      </c>
      <c r="I17" s="50" t="s">
        <v>2104</v>
      </c>
      <c r="J17" s="50" t="s">
        <v>2106</v>
      </c>
      <c r="K17" s="50" t="s">
        <v>61</v>
      </c>
      <c r="L17" s="70" t="s">
        <v>62</v>
      </c>
      <c r="M17" s="50" t="s">
        <v>2107</v>
      </c>
      <c r="N17" s="167" t="s">
        <v>2108</v>
      </c>
    </row>
    <row r="18" spans="1:14" s="68" customFormat="1" ht="178.2" x14ac:dyDescent="0.2">
      <c r="A18" s="11" t="s">
        <v>23</v>
      </c>
      <c r="B18" s="11" t="s">
        <v>220</v>
      </c>
      <c r="C18" s="12" t="s">
        <v>89</v>
      </c>
      <c r="D18" s="11" t="s">
        <v>221</v>
      </c>
      <c r="E18" s="69">
        <v>45940</v>
      </c>
      <c r="F18" s="69">
        <v>45954</v>
      </c>
      <c r="G18" s="50" t="s">
        <v>222</v>
      </c>
      <c r="H18" s="24" t="s">
        <v>223</v>
      </c>
      <c r="I18" s="50" t="s">
        <v>224</v>
      </c>
      <c r="J18" s="50" t="s">
        <v>60</v>
      </c>
      <c r="K18" s="50" t="s">
        <v>70</v>
      </c>
      <c r="L18" s="70" t="s">
        <v>62</v>
      </c>
      <c r="M18" s="50" t="s">
        <v>225</v>
      </c>
      <c r="N18" s="159" t="s">
        <v>226</v>
      </c>
    </row>
    <row r="19" spans="1:14" s="68" customFormat="1" ht="194.4" customHeight="1" x14ac:dyDescent="0.2">
      <c r="A19" s="4" t="s">
        <v>23</v>
      </c>
      <c r="B19" s="4" t="s">
        <v>2147</v>
      </c>
      <c r="C19" s="7" t="s">
        <v>55</v>
      </c>
      <c r="D19" s="4" t="s">
        <v>191</v>
      </c>
      <c r="E19" s="9">
        <v>45941</v>
      </c>
      <c r="F19" s="9">
        <v>45941</v>
      </c>
      <c r="G19" s="39" t="s">
        <v>192</v>
      </c>
      <c r="H19" s="39" t="s">
        <v>193</v>
      </c>
      <c r="I19" s="39" t="s">
        <v>194</v>
      </c>
      <c r="J19" s="39" t="s">
        <v>195</v>
      </c>
      <c r="K19" s="39" t="s">
        <v>61</v>
      </c>
      <c r="L19" s="10" t="s">
        <v>85</v>
      </c>
      <c r="M19" s="39" t="s">
        <v>196</v>
      </c>
      <c r="N19" s="159" t="s">
        <v>197</v>
      </c>
    </row>
    <row r="20" spans="1:14" s="68" customFormat="1" ht="113.4" x14ac:dyDescent="0.2">
      <c r="A20" s="11" t="s">
        <v>23</v>
      </c>
      <c r="B20" s="11" t="s">
        <v>401</v>
      </c>
      <c r="C20" s="12" t="s">
        <v>55</v>
      </c>
      <c r="D20" s="11" t="s">
        <v>2103</v>
      </c>
      <c r="E20" s="69">
        <v>45946</v>
      </c>
      <c r="F20" s="69">
        <v>45946</v>
      </c>
      <c r="G20" s="50" t="s">
        <v>2104</v>
      </c>
      <c r="H20" s="50" t="s">
        <v>2105</v>
      </c>
      <c r="I20" s="50" t="s">
        <v>2104</v>
      </c>
      <c r="J20" s="50" t="s">
        <v>2106</v>
      </c>
      <c r="K20" s="50" t="s">
        <v>61</v>
      </c>
      <c r="L20" s="70" t="s">
        <v>62</v>
      </c>
      <c r="M20" s="50" t="s">
        <v>2107</v>
      </c>
      <c r="N20" s="167" t="s">
        <v>2108</v>
      </c>
    </row>
    <row r="21" spans="1:14" s="68" customFormat="1" ht="113.4" x14ac:dyDescent="0.2">
      <c r="A21" s="11" t="s">
        <v>23</v>
      </c>
      <c r="B21" s="11" t="s">
        <v>401</v>
      </c>
      <c r="C21" s="12" t="s">
        <v>55</v>
      </c>
      <c r="D21" s="11" t="s">
        <v>2103</v>
      </c>
      <c r="E21" s="69">
        <v>45953</v>
      </c>
      <c r="F21" s="69">
        <v>45953</v>
      </c>
      <c r="G21" s="50" t="s">
        <v>2104</v>
      </c>
      <c r="H21" s="50" t="s">
        <v>2105</v>
      </c>
      <c r="I21" s="50" t="s">
        <v>2104</v>
      </c>
      <c r="J21" s="50" t="s">
        <v>2106</v>
      </c>
      <c r="K21" s="50" t="s">
        <v>61</v>
      </c>
      <c r="L21" s="70" t="s">
        <v>62</v>
      </c>
      <c r="M21" s="50" t="s">
        <v>2107</v>
      </c>
      <c r="N21" s="167" t="s">
        <v>2108</v>
      </c>
    </row>
    <row r="22" spans="1:14" s="68" customFormat="1" ht="113.4" x14ac:dyDescent="0.2">
      <c r="A22" s="11" t="s">
        <v>23</v>
      </c>
      <c r="B22" s="11" t="s">
        <v>2109</v>
      </c>
      <c r="C22" s="12" t="s">
        <v>55</v>
      </c>
      <c r="D22" s="11" t="s">
        <v>2110</v>
      </c>
      <c r="E22" s="69">
        <v>45953</v>
      </c>
      <c r="F22" s="69">
        <v>45953</v>
      </c>
      <c r="G22" s="50" t="s">
        <v>2104</v>
      </c>
      <c r="H22" s="50" t="s">
        <v>2105</v>
      </c>
      <c r="I22" s="50" t="s">
        <v>2104</v>
      </c>
      <c r="J22" s="50" t="s">
        <v>2106</v>
      </c>
      <c r="K22" s="50" t="s">
        <v>61</v>
      </c>
      <c r="L22" s="70" t="s">
        <v>62</v>
      </c>
      <c r="M22" s="50" t="s">
        <v>2107</v>
      </c>
      <c r="N22" s="167" t="s">
        <v>2108</v>
      </c>
    </row>
    <row r="23" spans="1:14" s="68" customFormat="1" ht="113.4" x14ac:dyDescent="0.2">
      <c r="A23" s="20" t="s">
        <v>2130</v>
      </c>
      <c r="B23" s="20" t="s">
        <v>2131</v>
      </c>
      <c r="C23" s="12" t="s">
        <v>80</v>
      </c>
      <c r="D23" s="20" t="s">
        <v>2132</v>
      </c>
      <c r="E23" s="36">
        <v>45955</v>
      </c>
      <c r="F23" s="36">
        <v>45955</v>
      </c>
      <c r="G23" s="21" t="s">
        <v>2133</v>
      </c>
      <c r="H23" s="21" t="s">
        <v>1811</v>
      </c>
      <c r="I23" s="21" t="s">
        <v>2134</v>
      </c>
      <c r="J23" s="21" t="s">
        <v>2135</v>
      </c>
      <c r="K23" s="21" t="s">
        <v>61</v>
      </c>
      <c r="L23" s="21" t="s">
        <v>62</v>
      </c>
      <c r="M23" s="21" t="s">
        <v>2136</v>
      </c>
      <c r="N23" s="159" t="s">
        <v>2137</v>
      </c>
    </row>
    <row r="24" spans="1:14" s="68" customFormat="1" ht="66" x14ac:dyDescent="0.2">
      <c r="A24" s="11" t="s">
        <v>23</v>
      </c>
      <c r="B24" s="11" t="s">
        <v>518</v>
      </c>
      <c r="C24" s="12" t="s">
        <v>80</v>
      </c>
      <c r="D24" s="11" t="s">
        <v>519</v>
      </c>
      <c r="E24" s="69">
        <v>45955</v>
      </c>
      <c r="F24" s="69">
        <v>46040</v>
      </c>
      <c r="G24" s="50" t="s">
        <v>521</v>
      </c>
      <c r="H24" s="50" t="s">
        <v>520</v>
      </c>
      <c r="I24" s="49" t="s">
        <v>522</v>
      </c>
      <c r="J24" s="50" t="s">
        <v>523</v>
      </c>
      <c r="K24" s="50" t="s">
        <v>61</v>
      </c>
      <c r="L24" s="70" t="s">
        <v>85</v>
      </c>
      <c r="M24" s="50" t="s">
        <v>524</v>
      </c>
      <c r="N24" s="159" t="s">
        <v>525</v>
      </c>
    </row>
    <row r="25" spans="1:14" s="68" customFormat="1" ht="66" x14ac:dyDescent="0.2">
      <c r="A25" s="11" t="s">
        <v>23</v>
      </c>
      <c r="B25" s="11" t="s">
        <v>1523</v>
      </c>
      <c r="C25" s="12" t="s">
        <v>89</v>
      </c>
      <c r="D25" s="11" t="s">
        <v>1524</v>
      </c>
      <c r="E25" s="80">
        <v>45963</v>
      </c>
      <c r="F25" s="80">
        <v>45963</v>
      </c>
      <c r="G25" s="50" t="s">
        <v>1124</v>
      </c>
      <c r="H25" s="50" t="s">
        <v>1125</v>
      </c>
      <c r="I25" s="50" t="s">
        <v>1525</v>
      </c>
      <c r="J25" s="50" t="s">
        <v>1526</v>
      </c>
      <c r="K25" s="50" t="s">
        <v>70</v>
      </c>
      <c r="L25" s="70" t="s">
        <v>62</v>
      </c>
      <c r="M25" s="50" t="s">
        <v>1527</v>
      </c>
      <c r="N25" s="160"/>
    </row>
    <row r="26" spans="1:14" s="68" customFormat="1" ht="113.4" x14ac:dyDescent="0.2">
      <c r="A26" s="11" t="s">
        <v>23</v>
      </c>
      <c r="B26" s="11" t="s">
        <v>401</v>
      </c>
      <c r="C26" s="12" t="s">
        <v>55</v>
      </c>
      <c r="D26" s="11" t="s">
        <v>2103</v>
      </c>
      <c r="E26" s="69">
        <v>45972</v>
      </c>
      <c r="F26" s="69">
        <v>45972</v>
      </c>
      <c r="G26" s="50" t="s">
        <v>2104</v>
      </c>
      <c r="H26" s="50" t="s">
        <v>2105</v>
      </c>
      <c r="I26" s="50" t="s">
        <v>2104</v>
      </c>
      <c r="J26" s="50" t="s">
        <v>2106</v>
      </c>
      <c r="K26" s="50" t="s">
        <v>61</v>
      </c>
      <c r="L26" s="70" t="s">
        <v>62</v>
      </c>
      <c r="M26" s="50" t="s">
        <v>2107</v>
      </c>
      <c r="N26" s="167" t="s">
        <v>2108</v>
      </c>
    </row>
    <row r="27" spans="1:14" s="68" customFormat="1" ht="113.4" x14ac:dyDescent="0.2">
      <c r="A27" s="11" t="s">
        <v>23</v>
      </c>
      <c r="B27" s="11" t="s">
        <v>2109</v>
      </c>
      <c r="C27" s="12" t="s">
        <v>55</v>
      </c>
      <c r="D27" s="11" t="s">
        <v>2110</v>
      </c>
      <c r="E27" s="69">
        <v>45972</v>
      </c>
      <c r="F27" s="69">
        <v>45972</v>
      </c>
      <c r="G27" s="50" t="s">
        <v>2104</v>
      </c>
      <c r="H27" s="50" t="s">
        <v>2105</v>
      </c>
      <c r="I27" s="50" t="s">
        <v>2104</v>
      </c>
      <c r="J27" s="50" t="s">
        <v>2106</v>
      </c>
      <c r="K27" s="50" t="s">
        <v>61</v>
      </c>
      <c r="L27" s="70" t="s">
        <v>62</v>
      </c>
      <c r="M27" s="50" t="s">
        <v>2107</v>
      </c>
      <c r="N27" s="167" t="s">
        <v>2108</v>
      </c>
    </row>
    <row r="28" spans="1:14" s="68" customFormat="1" ht="135.6" customHeight="1" x14ac:dyDescent="0.2">
      <c r="A28" s="11" t="s">
        <v>23</v>
      </c>
      <c r="B28" s="11" t="s">
        <v>357</v>
      </c>
      <c r="C28" s="12" t="s">
        <v>55</v>
      </c>
      <c r="D28" s="11" t="s">
        <v>358</v>
      </c>
      <c r="E28" s="69">
        <v>45973</v>
      </c>
      <c r="F28" s="69">
        <v>46001</v>
      </c>
      <c r="G28" s="50" t="s">
        <v>346</v>
      </c>
      <c r="H28" s="50" t="s">
        <v>347</v>
      </c>
      <c r="I28" s="49" t="s">
        <v>348</v>
      </c>
      <c r="J28" s="50" t="s">
        <v>60</v>
      </c>
      <c r="K28" s="50" t="s">
        <v>70</v>
      </c>
      <c r="L28" s="70" t="s">
        <v>62</v>
      </c>
      <c r="M28" s="50" t="s">
        <v>349</v>
      </c>
      <c r="N28" s="163" t="s">
        <v>350</v>
      </c>
    </row>
    <row r="29" spans="1:14" s="68" customFormat="1" ht="132" x14ac:dyDescent="0.2">
      <c r="A29" s="4" t="s">
        <v>23</v>
      </c>
      <c r="B29" s="4" t="s">
        <v>1515</v>
      </c>
      <c r="C29" s="7" t="s">
        <v>600</v>
      </c>
      <c r="D29" s="4" t="s">
        <v>1516</v>
      </c>
      <c r="E29" s="9">
        <v>45976</v>
      </c>
      <c r="F29" s="9">
        <v>45977</v>
      </c>
      <c r="G29" s="39" t="s">
        <v>1517</v>
      </c>
      <c r="H29" s="39" t="s">
        <v>1518</v>
      </c>
      <c r="I29" s="39" t="s">
        <v>1519</v>
      </c>
      <c r="J29" s="39" t="s">
        <v>1520</v>
      </c>
      <c r="K29" s="39" t="s">
        <v>70</v>
      </c>
      <c r="L29" s="10" t="s">
        <v>62</v>
      </c>
      <c r="M29" s="39" t="s">
        <v>1521</v>
      </c>
      <c r="N29" s="159" t="s">
        <v>1522</v>
      </c>
    </row>
    <row r="30" spans="1:14" s="68" customFormat="1" ht="81" x14ac:dyDescent="0.2">
      <c r="A30" s="11" t="s">
        <v>23</v>
      </c>
      <c r="B30" s="11" t="s">
        <v>514</v>
      </c>
      <c r="C30" s="12" t="s">
        <v>55</v>
      </c>
      <c r="D30" s="3" t="s">
        <v>515</v>
      </c>
      <c r="E30" s="42" t="s">
        <v>516</v>
      </c>
      <c r="F30" s="42" t="s">
        <v>517</v>
      </c>
      <c r="G30" s="43" t="s">
        <v>509</v>
      </c>
      <c r="H30" s="43" t="s">
        <v>510</v>
      </c>
      <c r="I30" s="43" t="s">
        <v>511</v>
      </c>
      <c r="J30" s="43" t="s">
        <v>125</v>
      </c>
      <c r="K30" s="50" t="s">
        <v>61</v>
      </c>
      <c r="L30" s="70" t="s">
        <v>62</v>
      </c>
      <c r="M30" s="43" t="s">
        <v>512</v>
      </c>
      <c r="N30" s="168" t="s">
        <v>513</v>
      </c>
    </row>
    <row r="31" spans="1:14" s="68" customFormat="1" ht="81" x14ac:dyDescent="0.2">
      <c r="A31" s="11" t="s">
        <v>23</v>
      </c>
      <c r="B31" s="11" t="s">
        <v>2093</v>
      </c>
      <c r="C31" s="12" t="s">
        <v>55</v>
      </c>
      <c r="D31" s="11" t="s">
        <v>2094</v>
      </c>
      <c r="E31" s="81" t="s">
        <v>2095</v>
      </c>
      <c r="F31" s="82" t="s">
        <v>2096</v>
      </c>
      <c r="G31" s="50" t="s">
        <v>172</v>
      </c>
      <c r="H31" s="50"/>
      <c r="I31" s="50" t="s">
        <v>2097</v>
      </c>
      <c r="J31" s="50" t="s">
        <v>2098</v>
      </c>
      <c r="K31" s="50" t="s">
        <v>61</v>
      </c>
      <c r="L31" s="70" t="s">
        <v>62</v>
      </c>
      <c r="M31" s="50" t="s">
        <v>2097</v>
      </c>
      <c r="N31" s="159" t="s">
        <v>2099</v>
      </c>
    </row>
    <row r="32" spans="1:14" s="68" customFormat="1" ht="81" x14ac:dyDescent="0.2">
      <c r="A32" s="11" t="s">
        <v>23</v>
      </c>
      <c r="B32" s="11" t="s">
        <v>2100</v>
      </c>
      <c r="C32" s="12" t="s">
        <v>55</v>
      </c>
      <c r="D32" s="11" t="s">
        <v>2101</v>
      </c>
      <c r="E32" s="82" t="s">
        <v>2102</v>
      </c>
      <c r="F32" s="83" t="s">
        <v>1689</v>
      </c>
      <c r="G32" s="50" t="s">
        <v>172</v>
      </c>
      <c r="H32" s="50"/>
      <c r="I32" s="50" t="s">
        <v>2097</v>
      </c>
      <c r="J32" s="50" t="s">
        <v>2098</v>
      </c>
      <c r="K32" s="50" t="s">
        <v>61</v>
      </c>
      <c r="L32" s="70" t="s">
        <v>62</v>
      </c>
      <c r="M32" s="50" t="s">
        <v>2097</v>
      </c>
      <c r="N32" s="159" t="s">
        <v>2099</v>
      </c>
    </row>
    <row r="33" spans="1:14" s="68" customFormat="1" ht="255" customHeight="1" x14ac:dyDescent="0.2">
      <c r="A33" s="11" t="s">
        <v>23</v>
      </c>
      <c r="B33" s="11" t="s">
        <v>205</v>
      </c>
      <c r="C33" s="12" t="s">
        <v>55</v>
      </c>
      <c r="D33" s="11" t="s">
        <v>2217</v>
      </c>
      <c r="E33" s="80">
        <v>45813</v>
      </c>
      <c r="F33" s="69">
        <v>46080</v>
      </c>
      <c r="G33" s="50" t="s">
        <v>163</v>
      </c>
      <c r="H33" s="50"/>
      <c r="I33" s="49" t="s">
        <v>199</v>
      </c>
      <c r="J33" s="50" t="s">
        <v>200</v>
      </c>
      <c r="K33" s="50" t="s">
        <v>70</v>
      </c>
      <c r="L33" s="70" t="s">
        <v>62</v>
      </c>
      <c r="M33" s="50" t="s">
        <v>201</v>
      </c>
      <c r="N33" s="159" t="s">
        <v>2218</v>
      </c>
    </row>
    <row r="34" spans="1:14" s="68" customFormat="1" ht="222" customHeight="1" x14ac:dyDescent="0.2">
      <c r="A34" s="11" t="s">
        <v>23</v>
      </c>
      <c r="B34" s="11" t="s">
        <v>206</v>
      </c>
      <c r="C34" s="12" t="s">
        <v>55</v>
      </c>
      <c r="D34" s="11" t="s">
        <v>2219</v>
      </c>
      <c r="E34" s="69">
        <v>45814</v>
      </c>
      <c r="F34" s="69">
        <v>46080</v>
      </c>
      <c r="G34" s="50" t="s">
        <v>163</v>
      </c>
      <c r="H34" s="50"/>
      <c r="I34" s="49" t="s">
        <v>199</v>
      </c>
      <c r="J34" s="50" t="s">
        <v>200</v>
      </c>
      <c r="K34" s="50" t="s">
        <v>70</v>
      </c>
      <c r="L34" s="70" t="s">
        <v>62</v>
      </c>
      <c r="M34" s="50" t="s">
        <v>201</v>
      </c>
      <c r="N34" s="159" t="s">
        <v>2220</v>
      </c>
    </row>
    <row r="35" spans="1:14" ht="352.95" customHeight="1" x14ac:dyDescent="0.2">
      <c r="A35" s="11" t="s">
        <v>23</v>
      </c>
      <c r="B35" s="11" t="s">
        <v>203</v>
      </c>
      <c r="C35" s="12" t="s">
        <v>55</v>
      </c>
      <c r="D35" s="11" t="s">
        <v>2213</v>
      </c>
      <c r="E35" s="69">
        <v>45820</v>
      </c>
      <c r="F35" s="69">
        <v>46080</v>
      </c>
      <c r="G35" s="50" t="s">
        <v>163</v>
      </c>
      <c r="H35" s="50"/>
      <c r="I35" s="49" t="s">
        <v>199</v>
      </c>
      <c r="J35" s="50" t="s">
        <v>200</v>
      </c>
      <c r="K35" s="50" t="s">
        <v>70</v>
      </c>
      <c r="L35" s="70" t="s">
        <v>62</v>
      </c>
      <c r="M35" s="50" t="s">
        <v>201</v>
      </c>
      <c r="N35" s="159" t="s">
        <v>2214</v>
      </c>
    </row>
    <row r="36" spans="1:14" ht="232.8" customHeight="1" x14ac:dyDescent="0.2">
      <c r="A36" s="11" t="s">
        <v>23</v>
      </c>
      <c r="B36" s="11" t="s">
        <v>198</v>
      </c>
      <c r="C36" s="12" t="s">
        <v>55</v>
      </c>
      <c r="D36" s="11" t="s">
        <v>2209</v>
      </c>
      <c r="E36" s="69">
        <v>45829</v>
      </c>
      <c r="F36" s="69">
        <v>46080</v>
      </c>
      <c r="G36" s="50" t="s">
        <v>163</v>
      </c>
      <c r="H36" s="50"/>
      <c r="I36" s="49" t="s">
        <v>199</v>
      </c>
      <c r="J36" s="50" t="s">
        <v>200</v>
      </c>
      <c r="K36" s="50" t="s">
        <v>70</v>
      </c>
      <c r="L36" s="70" t="s">
        <v>62</v>
      </c>
      <c r="M36" s="50" t="s">
        <v>201</v>
      </c>
      <c r="N36" s="159" t="s">
        <v>2210</v>
      </c>
    </row>
    <row r="37" spans="1:14" ht="346.8" customHeight="1" x14ac:dyDescent="0.2">
      <c r="A37" s="11" t="s">
        <v>23</v>
      </c>
      <c r="B37" s="11" t="s">
        <v>202</v>
      </c>
      <c r="C37" s="12" t="s">
        <v>55</v>
      </c>
      <c r="D37" s="11" t="s">
        <v>2211</v>
      </c>
      <c r="E37" s="69">
        <v>45836</v>
      </c>
      <c r="F37" s="69">
        <v>46080</v>
      </c>
      <c r="G37" s="50" t="s">
        <v>163</v>
      </c>
      <c r="H37" s="50"/>
      <c r="I37" s="49" t="s">
        <v>199</v>
      </c>
      <c r="J37" s="50" t="s">
        <v>200</v>
      </c>
      <c r="K37" s="50" t="s">
        <v>70</v>
      </c>
      <c r="L37" s="70" t="s">
        <v>62</v>
      </c>
      <c r="M37" s="50" t="s">
        <v>201</v>
      </c>
      <c r="N37" s="159" t="s">
        <v>2212</v>
      </c>
    </row>
    <row r="38" spans="1:14" ht="346.8" customHeight="1" x14ac:dyDescent="0.2">
      <c r="A38" s="11" t="s">
        <v>23</v>
      </c>
      <c r="B38" s="11" t="s">
        <v>2227</v>
      </c>
      <c r="C38" s="12" t="s">
        <v>55</v>
      </c>
      <c r="D38" s="11" t="s">
        <v>2228</v>
      </c>
      <c r="E38" s="69">
        <v>45890</v>
      </c>
      <c r="F38" s="69">
        <v>46080</v>
      </c>
      <c r="G38" s="50" t="s">
        <v>163</v>
      </c>
      <c r="H38" s="50"/>
      <c r="I38" s="49" t="s">
        <v>199</v>
      </c>
      <c r="J38" s="50" t="s">
        <v>200</v>
      </c>
      <c r="K38" s="50" t="s">
        <v>70</v>
      </c>
      <c r="L38" s="70" t="s">
        <v>62</v>
      </c>
      <c r="M38" s="50" t="s">
        <v>201</v>
      </c>
      <c r="N38" s="159" t="s">
        <v>2229</v>
      </c>
    </row>
    <row r="39" spans="1:14" ht="207.6" customHeight="1" x14ac:dyDescent="0.2">
      <c r="A39" s="11" t="s">
        <v>23</v>
      </c>
      <c r="B39" s="11" t="s">
        <v>2224</v>
      </c>
      <c r="C39" s="12" t="s">
        <v>55</v>
      </c>
      <c r="D39" s="11" t="s">
        <v>2225</v>
      </c>
      <c r="E39" s="69">
        <v>45893</v>
      </c>
      <c r="F39" s="69">
        <v>46080</v>
      </c>
      <c r="G39" s="50" t="s">
        <v>163</v>
      </c>
      <c r="H39" s="50"/>
      <c r="I39" s="49" t="s">
        <v>199</v>
      </c>
      <c r="J39" s="50" t="s">
        <v>200</v>
      </c>
      <c r="K39" s="50" t="s">
        <v>70</v>
      </c>
      <c r="L39" s="70" t="s">
        <v>62</v>
      </c>
      <c r="M39" s="50" t="s">
        <v>201</v>
      </c>
      <c r="N39" s="159" t="s">
        <v>2226</v>
      </c>
    </row>
    <row r="40" spans="1:14" ht="286.2" customHeight="1" x14ac:dyDescent="0.2">
      <c r="A40" s="11" t="s">
        <v>23</v>
      </c>
      <c r="B40" s="11" t="s">
        <v>204</v>
      </c>
      <c r="C40" s="12" t="s">
        <v>55</v>
      </c>
      <c r="D40" s="11" t="s">
        <v>2215</v>
      </c>
      <c r="E40" s="69">
        <v>45900</v>
      </c>
      <c r="F40" s="69">
        <v>46080</v>
      </c>
      <c r="G40" s="50" t="s">
        <v>163</v>
      </c>
      <c r="H40" s="50"/>
      <c r="I40" s="49" t="s">
        <v>199</v>
      </c>
      <c r="J40" s="50" t="s">
        <v>200</v>
      </c>
      <c r="K40" s="50" t="s">
        <v>70</v>
      </c>
      <c r="L40" s="70" t="s">
        <v>62</v>
      </c>
      <c r="M40" s="50" t="s">
        <v>201</v>
      </c>
      <c r="N40" s="159" t="s">
        <v>2216</v>
      </c>
    </row>
    <row r="41" spans="1:14" ht="255" customHeight="1" x14ac:dyDescent="0.2">
      <c r="A41" s="11" t="s">
        <v>23</v>
      </c>
      <c r="B41" s="11" t="s">
        <v>207</v>
      </c>
      <c r="C41" s="12" t="s">
        <v>55</v>
      </c>
      <c r="D41" s="11" t="s">
        <v>2221</v>
      </c>
      <c r="E41" s="69" t="s">
        <v>2222</v>
      </c>
      <c r="F41" s="69">
        <v>46080</v>
      </c>
      <c r="G41" s="50" t="s">
        <v>163</v>
      </c>
      <c r="H41" s="50"/>
      <c r="I41" s="49" t="s">
        <v>199</v>
      </c>
      <c r="J41" s="50" t="s">
        <v>200</v>
      </c>
      <c r="K41" s="50" t="s">
        <v>70</v>
      </c>
      <c r="L41" s="70" t="s">
        <v>62</v>
      </c>
      <c r="M41" s="50" t="s">
        <v>201</v>
      </c>
      <c r="N41" s="159" t="s">
        <v>2223</v>
      </c>
    </row>
  </sheetData>
  <autoFilter ref="A2:N41"/>
  <mergeCells count="1">
    <mergeCell ref="A1:N1"/>
  </mergeCells>
  <phoneticPr fontId="2"/>
  <dataValidations count="1">
    <dataValidation type="list" allowBlank="1" showInputMessage="1" showErrorMessage="1" sqref="K3:K41">
      <formula1>"有料,無料,その他"</formula1>
    </dataValidation>
  </dataValidations>
  <hyperlinks>
    <hyperlink ref="N3" r:id="rId1"/>
    <hyperlink ref="N4" r:id="rId2"/>
    <hyperlink ref="N5" r:id="rId3"/>
    <hyperlink ref="N6" r:id="rId4"/>
    <hyperlink ref="N7" r:id="rId5"/>
    <hyperlink ref="N8" r:id="rId6"/>
    <hyperlink ref="N9" r:id="rId7"/>
    <hyperlink ref="N10" r:id="rId8"/>
    <hyperlink ref="N11" r:id="rId9"/>
    <hyperlink ref="N12" r:id="rId10"/>
    <hyperlink ref="N13" r:id="rId11"/>
    <hyperlink ref="N14" r:id="rId12"/>
    <hyperlink ref="N15" r:id="rId13"/>
    <hyperlink ref="N16" r:id="rId14"/>
    <hyperlink ref="N17" r:id="rId15"/>
    <hyperlink ref="N18" r:id="rId16"/>
    <hyperlink ref="N19" r:id="rId17" display="https://jiesofficial.com/"/>
    <hyperlink ref="N20" r:id="rId18"/>
    <hyperlink ref="N21" r:id="rId19"/>
    <hyperlink ref="N22" r:id="rId20"/>
    <hyperlink ref="N23" r:id="rId21"/>
    <hyperlink ref="N24" r:id="rId22" display="https://www.kanabun.net/"/>
    <hyperlink ref="N26" r:id="rId23"/>
    <hyperlink ref="N27" r:id="rId24"/>
    <hyperlink ref="N28" r:id="rId25"/>
    <hyperlink ref="N29" r:id="rId26"/>
    <hyperlink ref="N30" r:id="rId27"/>
    <hyperlink ref="N31" r:id="rId28"/>
    <hyperlink ref="N32" r:id="rId29"/>
    <hyperlink ref="N33" r:id="rId30" display="https://www.yashima.ac.jp/univ/extension/course/2025/05/-f.html"/>
    <hyperlink ref="N34" r:id="rId31" display="https://www.yashima.ac.jp/univ/extension/course/2025/03/post-629.html"/>
    <hyperlink ref="N35" r:id="rId32" display="https://www.yashima.ac.jp/univ/extension/course/2025/03/post-630.html"/>
    <hyperlink ref="N36" r:id="rId33" display="https://www.yashima.ac.jp/univ/extension/course/2025/05/-2025-4.html"/>
    <hyperlink ref="N37" r:id="rId34" display="https://www.yashima.ac.jp/univ/extension/course/2025/04/post-631.html"/>
    <hyperlink ref="N38" r:id="rId35" display="https://www.yashima.ac.jp/univ/extension/course/2025/04/post-632.html"/>
    <hyperlink ref="N39" r:id="rId36" display="https://www.yashima.ac.jp/univ/extension/course/2025/04/1-32-7.html"/>
    <hyperlink ref="N40" r:id="rId37" display="https://www.yashima.ac.jp/univ/extension/course/2025/04/1-32-7.html"/>
    <hyperlink ref="N41" r:id="rId38" display="https://www.yashima.ac.jp/univ/extension/course/2025/04/1-32-7.html"/>
  </hyperlinks>
  <pageMargins left="0.23622047244094491" right="0.23622047244094491" top="0.74803149606299213" bottom="0.74803149606299213" header="0.31496062992125984" footer="0.31496062992125984"/>
  <pageSetup paperSize="9" scale="50" fitToHeight="0" orientation="portrait" r:id="rId39"/>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4">
    <pageSetUpPr fitToPage="1"/>
  </sheetPr>
  <dimension ref="A1:N28"/>
  <sheetViews>
    <sheetView zoomScale="80" zoomScaleNormal="80" workbookViewId="0">
      <pane ySplit="2" topLeftCell="A3" activePane="bottomLeft" state="frozen"/>
      <selection activeCell="Q5" sqref="Q5"/>
      <selection pane="bottomLeft" activeCell="D3" sqref="D3"/>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76.8" customHeight="1" thickTop="1" x14ac:dyDescent="0.2">
      <c r="A3" s="14" t="s">
        <v>2187</v>
      </c>
      <c r="B3" s="14" t="s">
        <v>2188</v>
      </c>
      <c r="C3" s="15" t="s">
        <v>55</v>
      </c>
      <c r="D3" s="14" t="s">
        <v>2189</v>
      </c>
      <c r="E3" s="33" t="s">
        <v>2190</v>
      </c>
      <c r="F3" s="33" t="s">
        <v>2190</v>
      </c>
      <c r="G3" s="13" t="s">
        <v>2191</v>
      </c>
      <c r="H3" s="13" t="s">
        <v>2192</v>
      </c>
      <c r="I3" s="13" t="s">
        <v>2191</v>
      </c>
      <c r="J3" s="13" t="s">
        <v>60</v>
      </c>
      <c r="K3" s="13" t="s">
        <v>61</v>
      </c>
      <c r="L3" s="17" t="s">
        <v>62</v>
      </c>
      <c r="M3" s="13" t="s">
        <v>2193</v>
      </c>
      <c r="N3" s="2"/>
    </row>
    <row r="4" spans="1:14" s="68" customFormat="1" ht="64.8" x14ac:dyDescent="0.2">
      <c r="A4" s="4" t="s">
        <v>36</v>
      </c>
      <c r="B4" s="4" t="s">
        <v>569</v>
      </c>
      <c r="C4" s="7" t="s">
        <v>99</v>
      </c>
      <c r="D4" s="4" t="s">
        <v>570</v>
      </c>
      <c r="E4" s="9">
        <v>45931</v>
      </c>
      <c r="F4" s="9">
        <v>46166</v>
      </c>
      <c r="G4" s="39" t="s">
        <v>571</v>
      </c>
      <c r="H4" s="39" t="s">
        <v>572</v>
      </c>
      <c r="I4" s="39" t="s">
        <v>571</v>
      </c>
      <c r="J4" s="39" t="s">
        <v>573</v>
      </c>
      <c r="K4" s="39" t="s">
        <v>70</v>
      </c>
      <c r="L4" s="10" t="s">
        <v>85</v>
      </c>
      <c r="M4" s="39" t="s">
        <v>571</v>
      </c>
      <c r="N4" s="167" t="s">
        <v>574</v>
      </c>
    </row>
    <row r="5" spans="1:14" s="68" customFormat="1" ht="79.2" x14ac:dyDescent="0.2">
      <c r="A5" s="67" t="s">
        <v>36</v>
      </c>
      <c r="B5" s="67" t="s">
        <v>575</v>
      </c>
      <c r="C5" s="119" t="s">
        <v>99</v>
      </c>
      <c r="D5" s="67" t="s">
        <v>576</v>
      </c>
      <c r="E5" s="120">
        <v>45948</v>
      </c>
      <c r="F5" s="120">
        <v>45948</v>
      </c>
      <c r="G5" s="121" t="s">
        <v>571</v>
      </c>
      <c r="H5" s="121" t="s">
        <v>572</v>
      </c>
      <c r="I5" s="121" t="s">
        <v>571</v>
      </c>
      <c r="J5" s="121" t="s">
        <v>573</v>
      </c>
      <c r="K5" s="121" t="s">
        <v>577</v>
      </c>
      <c r="L5" s="122" t="s">
        <v>85</v>
      </c>
      <c r="M5" s="121" t="s">
        <v>571</v>
      </c>
      <c r="N5" s="178" t="s">
        <v>574</v>
      </c>
    </row>
    <row r="6" spans="1:14" s="68" customFormat="1" ht="79.2" x14ac:dyDescent="0.2">
      <c r="A6" s="67" t="s">
        <v>36</v>
      </c>
      <c r="B6" s="67" t="s">
        <v>578</v>
      </c>
      <c r="C6" s="119" t="s">
        <v>99</v>
      </c>
      <c r="D6" s="67" t="s">
        <v>579</v>
      </c>
      <c r="E6" s="123">
        <v>45964</v>
      </c>
      <c r="F6" s="123">
        <v>45964</v>
      </c>
      <c r="G6" s="121" t="s">
        <v>571</v>
      </c>
      <c r="H6" s="121" t="s">
        <v>572</v>
      </c>
      <c r="I6" s="121" t="s">
        <v>571</v>
      </c>
      <c r="J6" s="121" t="s">
        <v>573</v>
      </c>
      <c r="K6" s="121" t="s">
        <v>577</v>
      </c>
      <c r="L6" s="122" t="s">
        <v>62</v>
      </c>
      <c r="M6" s="121" t="s">
        <v>571</v>
      </c>
      <c r="N6" s="178" t="s">
        <v>574</v>
      </c>
    </row>
    <row r="7" spans="1:14" s="68" customFormat="1" ht="97.2" x14ac:dyDescent="0.2">
      <c r="A7" s="101" t="s">
        <v>37</v>
      </c>
      <c r="B7" s="67" t="s">
        <v>374</v>
      </c>
      <c r="C7" s="102" t="s">
        <v>99</v>
      </c>
      <c r="D7" s="101" t="s">
        <v>375</v>
      </c>
      <c r="E7" s="103">
        <v>45918</v>
      </c>
      <c r="F7" s="103">
        <v>45918</v>
      </c>
      <c r="G7" s="104" t="s">
        <v>376</v>
      </c>
      <c r="H7" s="104" t="s">
        <v>377</v>
      </c>
      <c r="I7" s="104" t="s">
        <v>378</v>
      </c>
      <c r="J7" s="104" t="s">
        <v>60</v>
      </c>
      <c r="K7" s="104" t="s">
        <v>70</v>
      </c>
      <c r="L7" s="105" t="s">
        <v>62</v>
      </c>
      <c r="M7" s="104" t="s">
        <v>379</v>
      </c>
      <c r="N7" s="175" t="s">
        <v>380</v>
      </c>
    </row>
    <row r="8" spans="1:14" s="68" customFormat="1" ht="97.2" x14ac:dyDescent="0.2">
      <c r="A8" s="106" t="s">
        <v>37</v>
      </c>
      <c r="B8" s="106" t="s">
        <v>381</v>
      </c>
      <c r="C8" s="107" t="s">
        <v>99</v>
      </c>
      <c r="D8" s="106" t="s">
        <v>382</v>
      </c>
      <c r="E8" s="108">
        <v>45920</v>
      </c>
      <c r="F8" s="108">
        <v>45920</v>
      </c>
      <c r="G8" s="109" t="s">
        <v>383</v>
      </c>
      <c r="H8" s="109" t="s">
        <v>377</v>
      </c>
      <c r="I8" s="109" t="s">
        <v>378</v>
      </c>
      <c r="J8" s="109" t="s">
        <v>60</v>
      </c>
      <c r="K8" s="109" t="s">
        <v>70</v>
      </c>
      <c r="L8" s="110" t="s">
        <v>62</v>
      </c>
      <c r="M8" s="109" t="s">
        <v>379</v>
      </c>
      <c r="N8" s="159" t="s">
        <v>380</v>
      </c>
    </row>
    <row r="9" spans="1:14" s="68" customFormat="1" ht="113.4" x14ac:dyDescent="0.2">
      <c r="A9" s="111" t="s">
        <v>37</v>
      </c>
      <c r="B9" s="111" t="s">
        <v>384</v>
      </c>
      <c r="C9" s="107" t="s">
        <v>55</v>
      </c>
      <c r="D9" s="111" t="s">
        <v>385</v>
      </c>
      <c r="E9" s="112">
        <v>45920</v>
      </c>
      <c r="F9" s="112">
        <v>45920</v>
      </c>
      <c r="G9" s="113" t="s">
        <v>386</v>
      </c>
      <c r="H9" s="113" t="s">
        <v>387</v>
      </c>
      <c r="I9" s="113" t="s">
        <v>378</v>
      </c>
      <c r="J9" s="114" t="s">
        <v>388</v>
      </c>
      <c r="K9" s="114" t="s">
        <v>70</v>
      </c>
      <c r="L9" s="114" t="s">
        <v>62</v>
      </c>
      <c r="M9" s="114" t="s">
        <v>389</v>
      </c>
      <c r="N9" s="176" t="s">
        <v>390</v>
      </c>
    </row>
    <row r="10" spans="1:14" s="68" customFormat="1" ht="97.2" x14ac:dyDescent="0.2">
      <c r="A10" s="115" t="s">
        <v>37</v>
      </c>
      <c r="B10" s="115" t="s">
        <v>391</v>
      </c>
      <c r="C10" s="107" t="s">
        <v>55</v>
      </c>
      <c r="D10" s="116" t="s">
        <v>392</v>
      </c>
      <c r="E10" s="112">
        <v>45934</v>
      </c>
      <c r="F10" s="112">
        <v>45934</v>
      </c>
      <c r="G10" s="117" t="s">
        <v>393</v>
      </c>
      <c r="H10" s="114" t="s">
        <v>377</v>
      </c>
      <c r="I10" s="113" t="s">
        <v>378</v>
      </c>
      <c r="J10" s="113" t="s">
        <v>60</v>
      </c>
      <c r="K10" s="113" t="s">
        <v>70</v>
      </c>
      <c r="L10" s="117" t="s">
        <v>62</v>
      </c>
      <c r="M10" s="78" t="s">
        <v>394</v>
      </c>
      <c r="N10" s="164" t="s">
        <v>395</v>
      </c>
    </row>
    <row r="11" spans="1:14" s="68" customFormat="1" ht="97.2" x14ac:dyDescent="0.2">
      <c r="A11" s="115" t="s">
        <v>37</v>
      </c>
      <c r="B11" s="115" t="s">
        <v>396</v>
      </c>
      <c r="C11" s="107" t="s">
        <v>55</v>
      </c>
      <c r="D11" s="115" t="s">
        <v>397</v>
      </c>
      <c r="E11" s="112">
        <v>45935</v>
      </c>
      <c r="F11" s="112">
        <v>45935</v>
      </c>
      <c r="G11" s="117" t="s">
        <v>393</v>
      </c>
      <c r="H11" s="114" t="s">
        <v>377</v>
      </c>
      <c r="I11" s="113" t="s">
        <v>378</v>
      </c>
      <c r="J11" s="113" t="s">
        <v>60</v>
      </c>
      <c r="K11" s="113" t="s">
        <v>70</v>
      </c>
      <c r="L11" s="117" t="s">
        <v>62</v>
      </c>
      <c r="M11" s="78" t="s">
        <v>394</v>
      </c>
      <c r="N11" s="164" t="s">
        <v>395</v>
      </c>
    </row>
    <row r="12" spans="1:14" s="68" customFormat="1" ht="105.6" x14ac:dyDescent="0.2">
      <c r="A12" s="111" t="s">
        <v>37</v>
      </c>
      <c r="B12" s="111" t="s">
        <v>398</v>
      </c>
      <c r="C12" s="107" t="s">
        <v>99</v>
      </c>
      <c r="D12" s="118" t="s">
        <v>399</v>
      </c>
      <c r="E12" s="112">
        <v>45941</v>
      </c>
      <c r="F12" s="112">
        <v>45942</v>
      </c>
      <c r="G12" s="113" t="s">
        <v>400</v>
      </c>
      <c r="H12" s="113" t="s">
        <v>377</v>
      </c>
      <c r="I12" s="113" t="s">
        <v>378</v>
      </c>
      <c r="J12" s="113" t="s">
        <v>60</v>
      </c>
      <c r="K12" s="113" t="s">
        <v>70</v>
      </c>
      <c r="L12" s="117" t="s">
        <v>62</v>
      </c>
      <c r="M12" s="113" t="s">
        <v>379</v>
      </c>
      <c r="N12" s="159" t="s">
        <v>380</v>
      </c>
    </row>
    <row r="13" spans="1:14" s="68" customFormat="1" ht="113.4" x14ac:dyDescent="0.2">
      <c r="A13" s="111" t="s">
        <v>37</v>
      </c>
      <c r="B13" s="111" t="s">
        <v>401</v>
      </c>
      <c r="C13" s="107" t="s">
        <v>55</v>
      </c>
      <c r="D13" s="111" t="s">
        <v>402</v>
      </c>
      <c r="E13" s="112">
        <v>45942</v>
      </c>
      <c r="F13" s="112">
        <v>45942</v>
      </c>
      <c r="G13" s="113" t="s">
        <v>403</v>
      </c>
      <c r="H13" s="113" t="s">
        <v>377</v>
      </c>
      <c r="I13" s="113" t="s">
        <v>378</v>
      </c>
      <c r="J13" s="113" t="s">
        <v>388</v>
      </c>
      <c r="K13" s="113" t="s">
        <v>61</v>
      </c>
      <c r="L13" s="117" t="s">
        <v>62</v>
      </c>
      <c r="M13" s="113" t="s">
        <v>389</v>
      </c>
      <c r="N13" s="159" t="s">
        <v>390</v>
      </c>
    </row>
    <row r="14" spans="1:14" s="68" customFormat="1" ht="132" x14ac:dyDescent="0.2">
      <c r="A14" s="115" t="s">
        <v>37</v>
      </c>
      <c r="B14" s="115" t="s">
        <v>404</v>
      </c>
      <c r="C14" s="107" t="s">
        <v>55</v>
      </c>
      <c r="D14" s="115" t="s">
        <v>405</v>
      </c>
      <c r="E14" s="112">
        <v>45944</v>
      </c>
      <c r="F14" s="112">
        <v>45944</v>
      </c>
      <c r="G14" s="117" t="s">
        <v>383</v>
      </c>
      <c r="H14" s="114" t="s">
        <v>377</v>
      </c>
      <c r="I14" s="113" t="s">
        <v>378</v>
      </c>
      <c r="J14" s="113" t="s">
        <v>60</v>
      </c>
      <c r="K14" s="113" t="s">
        <v>70</v>
      </c>
      <c r="L14" s="117" t="s">
        <v>62</v>
      </c>
      <c r="M14" s="78" t="s">
        <v>394</v>
      </c>
      <c r="N14" s="159" t="s">
        <v>406</v>
      </c>
    </row>
    <row r="15" spans="1:14" s="68" customFormat="1" ht="97.2" x14ac:dyDescent="0.2">
      <c r="A15" s="115" t="s">
        <v>37</v>
      </c>
      <c r="B15" s="115" t="s">
        <v>407</v>
      </c>
      <c r="C15" s="107" t="s">
        <v>55</v>
      </c>
      <c r="D15" s="115" t="s">
        <v>392</v>
      </c>
      <c r="E15" s="112">
        <v>45948</v>
      </c>
      <c r="F15" s="112">
        <v>45948</v>
      </c>
      <c r="G15" s="117" t="s">
        <v>393</v>
      </c>
      <c r="H15" s="114" t="s">
        <v>377</v>
      </c>
      <c r="I15" s="113" t="s">
        <v>378</v>
      </c>
      <c r="J15" s="113" t="s">
        <v>60</v>
      </c>
      <c r="K15" s="113" t="s">
        <v>70</v>
      </c>
      <c r="L15" s="117" t="s">
        <v>62</v>
      </c>
      <c r="M15" s="78" t="s">
        <v>394</v>
      </c>
      <c r="N15" s="163" t="s">
        <v>395</v>
      </c>
    </row>
    <row r="16" spans="1:14" s="68" customFormat="1" ht="132" x14ac:dyDescent="0.2">
      <c r="A16" s="115" t="s">
        <v>37</v>
      </c>
      <c r="B16" s="115" t="s">
        <v>408</v>
      </c>
      <c r="C16" s="107" t="s">
        <v>55</v>
      </c>
      <c r="D16" s="115" t="s">
        <v>409</v>
      </c>
      <c r="E16" s="112">
        <v>45951</v>
      </c>
      <c r="F16" s="112">
        <v>45951</v>
      </c>
      <c r="G16" s="117" t="s">
        <v>383</v>
      </c>
      <c r="H16" s="114" t="s">
        <v>377</v>
      </c>
      <c r="I16" s="113" t="s">
        <v>378</v>
      </c>
      <c r="J16" s="113" t="s">
        <v>60</v>
      </c>
      <c r="K16" s="113" t="s">
        <v>70</v>
      </c>
      <c r="L16" s="117" t="s">
        <v>62</v>
      </c>
      <c r="M16" s="78" t="s">
        <v>394</v>
      </c>
      <c r="N16" s="159" t="s">
        <v>406</v>
      </c>
    </row>
    <row r="17" spans="1:14" s="68" customFormat="1" ht="97.2" x14ac:dyDescent="0.2">
      <c r="A17" s="111" t="s">
        <v>37</v>
      </c>
      <c r="B17" s="111" t="s">
        <v>410</v>
      </c>
      <c r="C17" s="107" t="s">
        <v>99</v>
      </c>
      <c r="D17" s="111" t="s">
        <v>411</v>
      </c>
      <c r="E17" s="112">
        <v>45955</v>
      </c>
      <c r="F17" s="112">
        <v>45955</v>
      </c>
      <c r="G17" s="113" t="s">
        <v>400</v>
      </c>
      <c r="H17" s="113" t="s">
        <v>377</v>
      </c>
      <c r="I17" s="113" t="s">
        <v>378</v>
      </c>
      <c r="J17" s="113" t="s">
        <v>60</v>
      </c>
      <c r="K17" s="113" t="s">
        <v>70</v>
      </c>
      <c r="L17" s="117" t="s">
        <v>62</v>
      </c>
      <c r="M17" s="113" t="s">
        <v>379</v>
      </c>
      <c r="N17" s="159" t="s">
        <v>380</v>
      </c>
    </row>
    <row r="18" spans="1:14" s="68" customFormat="1" ht="113.4" x14ac:dyDescent="0.2">
      <c r="A18" s="111" t="s">
        <v>37</v>
      </c>
      <c r="B18" s="111" t="s">
        <v>384</v>
      </c>
      <c r="C18" s="107" t="s">
        <v>55</v>
      </c>
      <c r="D18" s="111" t="s">
        <v>385</v>
      </c>
      <c r="E18" s="112">
        <v>45955</v>
      </c>
      <c r="F18" s="112">
        <v>45955</v>
      </c>
      <c r="G18" s="113" t="s">
        <v>386</v>
      </c>
      <c r="H18" s="113" t="s">
        <v>387</v>
      </c>
      <c r="I18" s="113" t="s">
        <v>378</v>
      </c>
      <c r="J18" s="114" t="s">
        <v>388</v>
      </c>
      <c r="K18" s="114" t="s">
        <v>70</v>
      </c>
      <c r="L18" s="114" t="s">
        <v>62</v>
      </c>
      <c r="M18" s="114" t="s">
        <v>389</v>
      </c>
      <c r="N18" s="177" t="s">
        <v>390</v>
      </c>
    </row>
    <row r="19" spans="1:14" s="68" customFormat="1" ht="97.2" x14ac:dyDescent="0.2">
      <c r="A19" s="111" t="s">
        <v>37</v>
      </c>
      <c r="B19" s="111" t="s">
        <v>412</v>
      </c>
      <c r="C19" s="107" t="s">
        <v>80</v>
      </c>
      <c r="D19" s="111" t="s">
        <v>413</v>
      </c>
      <c r="E19" s="112">
        <v>45958</v>
      </c>
      <c r="F19" s="112">
        <v>45958</v>
      </c>
      <c r="G19" s="113" t="s">
        <v>400</v>
      </c>
      <c r="H19" s="113" t="s">
        <v>377</v>
      </c>
      <c r="I19" s="113" t="s">
        <v>378</v>
      </c>
      <c r="J19" s="113" t="s">
        <v>60</v>
      </c>
      <c r="K19" s="113" t="s">
        <v>61</v>
      </c>
      <c r="L19" s="117" t="s">
        <v>85</v>
      </c>
      <c r="M19" s="113" t="s">
        <v>414</v>
      </c>
      <c r="N19" s="159" t="s">
        <v>380</v>
      </c>
    </row>
    <row r="20" spans="1:14" s="68" customFormat="1" ht="132" x14ac:dyDescent="0.2">
      <c r="A20" s="115" t="s">
        <v>37</v>
      </c>
      <c r="B20" s="115" t="s">
        <v>415</v>
      </c>
      <c r="C20" s="107" t="s">
        <v>55</v>
      </c>
      <c r="D20" s="115" t="s">
        <v>416</v>
      </c>
      <c r="E20" s="112">
        <v>45958</v>
      </c>
      <c r="F20" s="112">
        <v>45958</v>
      </c>
      <c r="G20" s="117" t="s">
        <v>383</v>
      </c>
      <c r="H20" s="114" t="s">
        <v>377</v>
      </c>
      <c r="I20" s="113" t="s">
        <v>378</v>
      </c>
      <c r="J20" s="113" t="s">
        <v>60</v>
      </c>
      <c r="K20" s="113" t="s">
        <v>70</v>
      </c>
      <c r="L20" s="117" t="s">
        <v>62</v>
      </c>
      <c r="M20" s="78" t="s">
        <v>394</v>
      </c>
      <c r="N20" s="159" t="s">
        <v>406</v>
      </c>
    </row>
    <row r="21" spans="1:14" s="68" customFormat="1" ht="145.80000000000001" x14ac:dyDescent="0.2">
      <c r="A21" s="11" t="s">
        <v>37</v>
      </c>
      <c r="B21" s="11" t="s">
        <v>2118</v>
      </c>
      <c r="C21" s="12" t="s">
        <v>55</v>
      </c>
      <c r="D21" s="11" t="s">
        <v>2119</v>
      </c>
      <c r="E21" s="69">
        <v>45963</v>
      </c>
      <c r="F21" s="69">
        <v>45963</v>
      </c>
      <c r="G21" s="50" t="s">
        <v>2120</v>
      </c>
      <c r="H21" s="50" t="s">
        <v>2121</v>
      </c>
      <c r="I21" s="24" t="s">
        <v>2122</v>
      </c>
      <c r="J21" s="24" t="s">
        <v>60</v>
      </c>
      <c r="K21" s="50" t="s">
        <v>70</v>
      </c>
      <c r="L21" s="70" t="s">
        <v>85</v>
      </c>
      <c r="M21" s="24" t="s">
        <v>2123</v>
      </c>
      <c r="N21" s="167" t="s">
        <v>2124</v>
      </c>
    </row>
    <row r="22" spans="1:14" s="68" customFormat="1" ht="97.2" x14ac:dyDescent="0.2">
      <c r="A22" s="115" t="s">
        <v>37</v>
      </c>
      <c r="B22" s="115" t="s">
        <v>417</v>
      </c>
      <c r="C22" s="107" t="s">
        <v>80</v>
      </c>
      <c r="D22" s="115" t="s">
        <v>418</v>
      </c>
      <c r="E22" s="112">
        <v>45963</v>
      </c>
      <c r="F22" s="112">
        <v>45964</v>
      </c>
      <c r="G22" s="113" t="s">
        <v>403</v>
      </c>
      <c r="H22" s="114" t="s">
        <v>377</v>
      </c>
      <c r="I22" s="113" t="s">
        <v>378</v>
      </c>
      <c r="J22" s="114" t="s">
        <v>60</v>
      </c>
      <c r="K22" s="113" t="s">
        <v>61</v>
      </c>
      <c r="L22" s="113" t="s">
        <v>419</v>
      </c>
      <c r="M22" s="113" t="s">
        <v>420</v>
      </c>
      <c r="N22" s="159" t="s">
        <v>380</v>
      </c>
    </row>
    <row r="23" spans="1:14" s="68" customFormat="1" ht="113.4" x14ac:dyDescent="0.2">
      <c r="A23" s="115" t="s">
        <v>37</v>
      </c>
      <c r="B23" s="115" t="s">
        <v>421</v>
      </c>
      <c r="C23" s="107" t="s">
        <v>55</v>
      </c>
      <c r="D23" s="115" t="s">
        <v>422</v>
      </c>
      <c r="E23" s="112">
        <v>45963</v>
      </c>
      <c r="F23" s="112">
        <v>45964</v>
      </c>
      <c r="G23" s="117" t="s">
        <v>403</v>
      </c>
      <c r="H23" s="114" t="s">
        <v>377</v>
      </c>
      <c r="I23" s="113" t="s">
        <v>378</v>
      </c>
      <c r="J23" s="113" t="s">
        <v>388</v>
      </c>
      <c r="K23" s="113" t="s">
        <v>61</v>
      </c>
      <c r="L23" s="117" t="s">
        <v>62</v>
      </c>
      <c r="M23" s="114" t="s">
        <v>389</v>
      </c>
      <c r="N23" s="159" t="s">
        <v>390</v>
      </c>
    </row>
    <row r="24" spans="1:14" s="68" customFormat="1" ht="97.2" x14ac:dyDescent="0.2">
      <c r="A24" s="111" t="s">
        <v>37</v>
      </c>
      <c r="B24" s="111" t="s">
        <v>423</v>
      </c>
      <c r="C24" s="107" t="s">
        <v>80</v>
      </c>
      <c r="D24" s="111" t="s">
        <v>424</v>
      </c>
      <c r="E24" s="112">
        <v>45967</v>
      </c>
      <c r="F24" s="112">
        <v>45967</v>
      </c>
      <c r="G24" s="113" t="s">
        <v>425</v>
      </c>
      <c r="H24" s="113" t="s">
        <v>377</v>
      </c>
      <c r="I24" s="113" t="s">
        <v>378</v>
      </c>
      <c r="J24" s="113" t="s">
        <v>60</v>
      </c>
      <c r="K24" s="113" t="s">
        <v>61</v>
      </c>
      <c r="L24" s="117" t="s">
        <v>62</v>
      </c>
      <c r="M24" s="113" t="s">
        <v>414</v>
      </c>
      <c r="N24" s="159" t="s">
        <v>380</v>
      </c>
    </row>
    <row r="25" spans="1:14" s="68" customFormat="1" ht="97.2" x14ac:dyDescent="0.2">
      <c r="A25" s="111" t="s">
        <v>37</v>
      </c>
      <c r="B25" s="111" t="s">
        <v>426</v>
      </c>
      <c r="C25" s="107" t="s">
        <v>99</v>
      </c>
      <c r="D25" s="111" t="s">
        <v>411</v>
      </c>
      <c r="E25" s="112">
        <v>45969</v>
      </c>
      <c r="F25" s="112">
        <v>45969</v>
      </c>
      <c r="G25" s="113" t="s">
        <v>400</v>
      </c>
      <c r="H25" s="113" t="s">
        <v>377</v>
      </c>
      <c r="I25" s="113" t="s">
        <v>378</v>
      </c>
      <c r="J25" s="113" t="s">
        <v>60</v>
      </c>
      <c r="K25" s="113" t="s">
        <v>70</v>
      </c>
      <c r="L25" s="117" t="s">
        <v>62</v>
      </c>
      <c r="M25" s="113" t="s">
        <v>379</v>
      </c>
      <c r="N25" s="159" t="s">
        <v>380</v>
      </c>
    </row>
    <row r="26" spans="1:14" s="68" customFormat="1" ht="97.2" x14ac:dyDescent="0.2">
      <c r="A26" s="115" t="s">
        <v>37</v>
      </c>
      <c r="B26" s="111" t="s">
        <v>427</v>
      </c>
      <c r="C26" s="107" t="s">
        <v>55</v>
      </c>
      <c r="D26" s="111" t="s">
        <v>428</v>
      </c>
      <c r="E26" s="112">
        <v>45970</v>
      </c>
      <c r="F26" s="112">
        <v>45970</v>
      </c>
      <c r="G26" s="117" t="s">
        <v>393</v>
      </c>
      <c r="H26" s="114" t="s">
        <v>377</v>
      </c>
      <c r="I26" s="113" t="s">
        <v>378</v>
      </c>
      <c r="J26" s="113" t="s">
        <v>60</v>
      </c>
      <c r="K26" s="113" t="s">
        <v>70</v>
      </c>
      <c r="L26" s="117" t="s">
        <v>62</v>
      </c>
      <c r="M26" s="78" t="s">
        <v>394</v>
      </c>
      <c r="N26" s="163" t="s">
        <v>395</v>
      </c>
    </row>
    <row r="27" spans="1:14" s="68" customFormat="1" ht="97.2" x14ac:dyDescent="0.2">
      <c r="A27" s="111" t="s">
        <v>37</v>
      </c>
      <c r="B27" s="111" t="s">
        <v>429</v>
      </c>
      <c r="C27" s="107" t="s">
        <v>80</v>
      </c>
      <c r="D27" s="111" t="s">
        <v>430</v>
      </c>
      <c r="E27" s="112">
        <v>45972</v>
      </c>
      <c r="F27" s="112">
        <v>45972</v>
      </c>
      <c r="G27" s="113" t="s">
        <v>425</v>
      </c>
      <c r="H27" s="113" t="s">
        <v>377</v>
      </c>
      <c r="I27" s="113" t="s">
        <v>378</v>
      </c>
      <c r="J27" s="113" t="s">
        <v>60</v>
      </c>
      <c r="K27" s="113" t="s">
        <v>61</v>
      </c>
      <c r="L27" s="117" t="s">
        <v>62</v>
      </c>
      <c r="M27" s="113" t="s">
        <v>414</v>
      </c>
      <c r="N27" s="159" t="s">
        <v>380</v>
      </c>
    </row>
    <row r="28" spans="1:14" ht="113.4" x14ac:dyDescent="0.2">
      <c r="A28" s="111" t="s">
        <v>37</v>
      </c>
      <c r="B28" s="111" t="s">
        <v>384</v>
      </c>
      <c r="C28" s="107" t="s">
        <v>55</v>
      </c>
      <c r="D28" s="111" t="s">
        <v>385</v>
      </c>
      <c r="E28" s="112">
        <v>45977</v>
      </c>
      <c r="F28" s="112">
        <v>45977</v>
      </c>
      <c r="G28" s="113" t="s">
        <v>386</v>
      </c>
      <c r="H28" s="113" t="s">
        <v>387</v>
      </c>
      <c r="I28" s="113" t="s">
        <v>378</v>
      </c>
      <c r="J28" s="114" t="s">
        <v>388</v>
      </c>
      <c r="K28" s="114" t="s">
        <v>70</v>
      </c>
      <c r="L28" s="114" t="s">
        <v>62</v>
      </c>
      <c r="M28" s="114" t="s">
        <v>389</v>
      </c>
      <c r="N28" s="177" t="s">
        <v>390</v>
      </c>
    </row>
  </sheetData>
  <mergeCells count="1">
    <mergeCell ref="A1:N1"/>
  </mergeCells>
  <phoneticPr fontId="2"/>
  <dataValidations count="1">
    <dataValidation type="list" allowBlank="1" showInputMessage="1" showErrorMessage="1" sqref="K9:K28 K3:K7">
      <formula1>"有料,無料,その他"</formula1>
    </dataValidation>
  </dataValidations>
  <hyperlinks>
    <hyperlink ref="N4" r:id="rId1"/>
    <hyperlink ref="N5" r:id="rId2"/>
    <hyperlink ref="N6" r:id="rId3"/>
    <hyperlink ref="N7" r:id="rId4"/>
    <hyperlink ref="N8" r:id="rId5"/>
    <hyperlink ref="N9" r:id="rId6"/>
    <hyperlink ref="N10" r:id="rId7"/>
    <hyperlink ref="N11" r:id="rId8"/>
    <hyperlink ref="N12" r:id="rId9"/>
    <hyperlink ref="N13" r:id="rId10"/>
    <hyperlink ref="N14" r:id="rId11"/>
    <hyperlink ref="N15" r:id="rId12"/>
    <hyperlink ref="N16" r:id="rId13"/>
    <hyperlink ref="N17" r:id="rId14"/>
    <hyperlink ref="N18" r:id="rId15"/>
    <hyperlink ref="N19" r:id="rId16"/>
    <hyperlink ref="N20" r:id="rId17"/>
    <hyperlink ref="N21" r:id="rId18" display="https://www.pref.kanagawa.jp/docs/vn7/cnt/f7179/index.html"/>
    <hyperlink ref="N22" r:id="rId19"/>
    <hyperlink ref="N23" r:id="rId20"/>
    <hyperlink ref="N24" r:id="rId21"/>
    <hyperlink ref="N25" r:id="rId22"/>
    <hyperlink ref="N26" r:id="rId23"/>
    <hyperlink ref="N27" r:id="rId24"/>
    <hyperlink ref="N28" r:id="rId25"/>
  </hyperlinks>
  <pageMargins left="0.23622047244094491" right="0.23622047244094491" top="0.74803149606299213" bottom="0.74803149606299213" header="0.31496062992125984" footer="0.31496062992125984"/>
  <pageSetup paperSize="9" scale="50" fitToHeight="0" orientation="portrait" r:id="rId26"/>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2">
    <pageSetUpPr fitToPage="1"/>
  </sheetPr>
  <dimension ref="A1:O89"/>
  <sheetViews>
    <sheetView topLeftCell="H1" zoomScaleNormal="100" workbookViewId="0">
      <pane ySplit="2" topLeftCell="A3" activePane="bottomLeft" state="frozen"/>
      <selection activeCell="Q5" sqref="Q5"/>
      <selection pane="bottomLeft" activeCell="D14" sqref="D14"/>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5" ht="49.95" customHeight="1" x14ac:dyDescent="0.2">
      <c r="A1" s="236" t="s">
        <v>2167</v>
      </c>
      <c r="B1" s="236"/>
      <c r="C1" s="236"/>
      <c r="D1" s="236"/>
      <c r="E1" s="236"/>
      <c r="F1" s="236"/>
      <c r="G1" s="236"/>
      <c r="H1" s="236"/>
      <c r="I1" s="236"/>
      <c r="J1" s="236"/>
      <c r="K1" s="236"/>
      <c r="L1" s="236"/>
      <c r="M1" s="236"/>
      <c r="N1" s="236"/>
    </row>
    <row r="2" spans="1:15"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5" s="68" customFormat="1" ht="176.4" customHeight="1" thickTop="1" x14ac:dyDescent="0.2">
      <c r="A3" s="15" t="s">
        <v>580</v>
      </c>
      <c r="B3" s="15" t="s">
        <v>581</v>
      </c>
      <c r="C3" s="16" t="s">
        <v>99</v>
      </c>
      <c r="D3" s="15" t="s">
        <v>582</v>
      </c>
      <c r="E3" s="213">
        <v>45954</v>
      </c>
      <c r="F3" s="33">
        <v>45956</v>
      </c>
      <c r="G3" s="38" t="s">
        <v>583</v>
      </c>
      <c r="H3" s="13" t="s">
        <v>2231</v>
      </c>
      <c r="I3" s="13" t="s">
        <v>584</v>
      </c>
      <c r="J3" s="13" t="s">
        <v>115</v>
      </c>
      <c r="K3" s="13" t="s">
        <v>585</v>
      </c>
      <c r="L3" s="17" t="s">
        <v>116</v>
      </c>
      <c r="M3" s="13" t="s">
        <v>586</v>
      </c>
      <c r="N3" s="159" t="s">
        <v>2274</v>
      </c>
    </row>
    <row r="4" spans="1:15" s="68" customFormat="1" ht="176.4" customHeight="1" x14ac:dyDescent="0.2">
      <c r="A4" s="15" t="s">
        <v>588</v>
      </c>
      <c r="B4" s="15" t="s">
        <v>589</v>
      </c>
      <c r="C4" s="16" t="s">
        <v>55</v>
      </c>
      <c r="D4" s="15" t="s">
        <v>590</v>
      </c>
      <c r="E4" s="33">
        <v>45917</v>
      </c>
      <c r="F4" s="33">
        <v>45978</v>
      </c>
      <c r="G4" s="13" t="s">
        <v>591</v>
      </c>
      <c r="H4" s="13" t="s">
        <v>592</v>
      </c>
      <c r="I4" s="13" t="s">
        <v>591</v>
      </c>
      <c r="J4" s="13" t="s">
        <v>60</v>
      </c>
      <c r="K4" s="13" t="s">
        <v>61</v>
      </c>
      <c r="L4" s="17" t="s">
        <v>85</v>
      </c>
      <c r="M4" s="13" t="s">
        <v>591</v>
      </c>
      <c r="N4" s="159" t="s">
        <v>2275</v>
      </c>
      <c r="O4" s="159"/>
    </row>
    <row r="5" spans="1:15" s="68" customFormat="1" ht="52.8" x14ac:dyDescent="0.2">
      <c r="A5" s="15" t="s">
        <v>588</v>
      </c>
      <c r="B5" s="214" t="s">
        <v>624</v>
      </c>
      <c r="C5" s="16" t="s">
        <v>600</v>
      </c>
      <c r="D5" s="214" t="s">
        <v>625</v>
      </c>
      <c r="E5" s="33">
        <v>45921</v>
      </c>
      <c r="F5" s="33">
        <v>45921</v>
      </c>
      <c r="G5" s="13" t="s">
        <v>626</v>
      </c>
      <c r="H5" s="13" t="s">
        <v>627</v>
      </c>
      <c r="I5" s="13" t="s">
        <v>628</v>
      </c>
      <c r="J5" s="13" t="s">
        <v>629</v>
      </c>
      <c r="K5" s="13" t="s">
        <v>70</v>
      </c>
      <c r="L5" s="17" t="s">
        <v>62</v>
      </c>
      <c r="M5" s="13" t="s">
        <v>630</v>
      </c>
      <c r="N5" s="159"/>
      <c r="O5" s="159"/>
    </row>
    <row r="6" spans="1:15" s="68" customFormat="1" ht="113.4" x14ac:dyDescent="0.2">
      <c r="A6" s="18" t="s">
        <v>588</v>
      </c>
      <c r="B6" s="18" t="s">
        <v>1715</v>
      </c>
      <c r="C6" s="12" t="s">
        <v>55</v>
      </c>
      <c r="D6" s="18" t="s">
        <v>1716</v>
      </c>
      <c r="E6" s="36">
        <v>45921</v>
      </c>
      <c r="F6" s="36">
        <v>45949</v>
      </c>
      <c r="G6" s="49" t="s">
        <v>1702</v>
      </c>
      <c r="H6" s="49" t="s">
        <v>1703</v>
      </c>
      <c r="I6" s="49" t="s">
        <v>1672</v>
      </c>
      <c r="J6" s="49" t="s">
        <v>554</v>
      </c>
      <c r="K6" s="49" t="s">
        <v>61</v>
      </c>
      <c r="L6" s="21" t="s">
        <v>62</v>
      </c>
      <c r="M6" s="49" t="s">
        <v>1704</v>
      </c>
      <c r="N6" s="159" t="s">
        <v>2276</v>
      </c>
      <c r="O6" s="159"/>
    </row>
    <row r="7" spans="1:15" s="68" customFormat="1" ht="113.4" x14ac:dyDescent="0.2">
      <c r="A7" s="18" t="s">
        <v>588</v>
      </c>
      <c r="B7" s="18" t="s">
        <v>1710</v>
      </c>
      <c r="C7" s="12" t="s">
        <v>55</v>
      </c>
      <c r="D7" s="18" t="s">
        <v>1711</v>
      </c>
      <c r="E7" s="36">
        <v>45921</v>
      </c>
      <c r="F7" s="36">
        <v>45977</v>
      </c>
      <c r="G7" s="49" t="s">
        <v>1702</v>
      </c>
      <c r="H7" s="49" t="s">
        <v>1703</v>
      </c>
      <c r="I7" s="49" t="s">
        <v>1712</v>
      </c>
      <c r="J7" s="49" t="s">
        <v>554</v>
      </c>
      <c r="K7" s="49" t="s">
        <v>61</v>
      </c>
      <c r="L7" s="21" t="s">
        <v>85</v>
      </c>
      <c r="M7" s="49" t="s">
        <v>1704</v>
      </c>
      <c r="N7" s="159" t="s">
        <v>2276</v>
      </c>
      <c r="O7" s="159"/>
    </row>
    <row r="8" spans="1:15" s="68" customFormat="1" ht="113.4" x14ac:dyDescent="0.2">
      <c r="A8" s="18" t="s">
        <v>588</v>
      </c>
      <c r="B8" s="18" t="s">
        <v>1700</v>
      </c>
      <c r="C8" s="12" t="s">
        <v>55</v>
      </c>
      <c r="D8" s="18" t="s">
        <v>1701</v>
      </c>
      <c r="E8" s="36">
        <v>45927</v>
      </c>
      <c r="F8" s="36">
        <v>45969</v>
      </c>
      <c r="G8" s="49" t="s">
        <v>1702</v>
      </c>
      <c r="H8" s="49" t="s">
        <v>1703</v>
      </c>
      <c r="I8" s="49" t="s">
        <v>1672</v>
      </c>
      <c r="J8" s="49" t="s">
        <v>554</v>
      </c>
      <c r="K8" s="49" t="s">
        <v>70</v>
      </c>
      <c r="L8" s="21" t="s">
        <v>62</v>
      </c>
      <c r="M8" s="49" t="s">
        <v>1704</v>
      </c>
      <c r="N8" s="159" t="s">
        <v>2276</v>
      </c>
      <c r="O8" s="159"/>
    </row>
    <row r="9" spans="1:15" s="68" customFormat="1" ht="113.4" x14ac:dyDescent="0.2">
      <c r="A9" s="18" t="s">
        <v>588</v>
      </c>
      <c r="B9" s="18" t="s">
        <v>1717</v>
      </c>
      <c r="C9" s="12" t="s">
        <v>55</v>
      </c>
      <c r="D9" s="18" t="s">
        <v>1718</v>
      </c>
      <c r="E9" s="36">
        <v>45928</v>
      </c>
      <c r="F9" s="36">
        <v>45928</v>
      </c>
      <c r="G9" s="49" t="s">
        <v>1702</v>
      </c>
      <c r="H9" s="49" t="s">
        <v>1703</v>
      </c>
      <c r="I9" s="49" t="s">
        <v>1672</v>
      </c>
      <c r="J9" s="49" t="s">
        <v>1719</v>
      </c>
      <c r="K9" s="49" t="s">
        <v>61</v>
      </c>
      <c r="L9" s="21" t="s">
        <v>85</v>
      </c>
      <c r="M9" s="49" t="s">
        <v>1704</v>
      </c>
      <c r="N9" s="159" t="s">
        <v>2276</v>
      </c>
      <c r="O9" s="159"/>
    </row>
    <row r="10" spans="1:15" s="68" customFormat="1" ht="52.8" x14ac:dyDescent="0.2">
      <c r="A10" s="15" t="s">
        <v>588</v>
      </c>
      <c r="B10" s="214" t="s">
        <v>637</v>
      </c>
      <c r="C10" s="16" t="s">
        <v>55</v>
      </c>
      <c r="D10" s="214" t="s">
        <v>638</v>
      </c>
      <c r="E10" s="33">
        <v>45931</v>
      </c>
      <c r="F10" s="33">
        <v>45931</v>
      </c>
      <c r="G10" s="13" t="s">
        <v>2243</v>
      </c>
      <c r="H10" s="13" t="s">
        <v>634</v>
      </c>
      <c r="I10" s="13" t="s">
        <v>639</v>
      </c>
      <c r="J10" s="13" t="s">
        <v>636</v>
      </c>
      <c r="K10" s="13" t="s">
        <v>577</v>
      </c>
      <c r="L10" s="17" t="s">
        <v>62</v>
      </c>
      <c r="M10" s="13" t="s">
        <v>630</v>
      </c>
      <c r="N10" s="159"/>
      <c r="O10" s="159"/>
    </row>
    <row r="11" spans="1:15" s="68" customFormat="1" ht="113.4" x14ac:dyDescent="0.2">
      <c r="A11" s="18" t="s">
        <v>588</v>
      </c>
      <c r="B11" s="18" t="s">
        <v>1706</v>
      </c>
      <c r="C11" s="12" t="s">
        <v>55</v>
      </c>
      <c r="D11" s="18" t="s">
        <v>1707</v>
      </c>
      <c r="E11" s="36">
        <v>45934</v>
      </c>
      <c r="F11" s="36">
        <v>45934</v>
      </c>
      <c r="G11" s="49" t="s">
        <v>1702</v>
      </c>
      <c r="H11" s="49" t="s">
        <v>1703</v>
      </c>
      <c r="I11" s="49" t="s">
        <v>1708</v>
      </c>
      <c r="J11" s="49" t="s">
        <v>554</v>
      </c>
      <c r="K11" s="49" t="s">
        <v>61</v>
      </c>
      <c r="L11" s="21" t="s">
        <v>85</v>
      </c>
      <c r="M11" s="49" t="s">
        <v>1709</v>
      </c>
      <c r="N11" s="159" t="s">
        <v>2276</v>
      </c>
      <c r="O11" s="159"/>
    </row>
    <row r="12" spans="1:15" s="68" customFormat="1" ht="39.6" x14ac:dyDescent="0.2">
      <c r="A12" s="16" t="s">
        <v>588</v>
      </c>
      <c r="B12" s="214" t="s">
        <v>613</v>
      </c>
      <c r="C12" s="16" t="s">
        <v>600</v>
      </c>
      <c r="D12" s="214" t="s">
        <v>614</v>
      </c>
      <c r="E12" s="33">
        <v>45934</v>
      </c>
      <c r="F12" s="33">
        <v>45962</v>
      </c>
      <c r="G12" s="13" t="s">
        <v>615</v>
      </c>
      <c r="H12" s="13" t="s">
        <v>603</v>
      </c>
      <c r="I12" s="13" t="s">
        <v>616</v>
      </c>
      <c r="J12" s="13" t="s">
        <v>60</v>
      </c>
      <c r="K12" s="13" t="s">
        <v>61</v>
      </c>
      <c r="L12" s="17" t="s">
        <v>85</v>
      </c>
      <c r="M12" s="13" t="s">
        <v>606</v>
      </c>
      <c r="N12" s="159"/>
      <c r="O12" s="159"/>
    </row>
    <row r="13" spans="1:15" s="68" customFormat="1" ht="73.2" customHeight="1" x14ac:dyDescent="0.2">
      <c r="A13" s="15" t="s">
        <v>588</v>
      </c>
      <c r="B13" s="214" t="s">
        <v>631</v>
      </c>
      <c r="C13" s="16" t="s">
        <v>55</v>
      </c>
      <c r="D13" s="214" t="s">
        <v>632</v>
      </c>
      <c r="E13" s="33">
        <v>45935</v>
      </c>
      <c r="F13" s="33">
        <v>45935</v>
      </c>
      <c r="G13" s="13" t="s">
        <v>633</v>
      </c>
      <c r="H13" s="13" t="s">
        <v>634</v>
      </c>
      <c r="I13" s="13" t="s">
        <v>635</v>
      </c>
      <c r="J13" s="13" t="s">
        <v>636</v>
      </c>
      <c r="K13" s="13" t="s">
        <v>61</v>
      </c>
      <c r="L13" s="17" t="s">
        <v>85</v>
      </c>
      <c r="M13" s="13" t="s">
        <v>630</v>
      </c>
      <c r="N13" s="159"/>
      <c r="O13" s="159"/>
    </row>
    <row r="14" spans="1:15" s="68" customFormat="1" ht="147" customHeight="1" x14ac:dyDescent="0.2">
      <c r="A14" s="225" t="s">
        <v>588</v>
      </c>
      <c r="B14" s="225" t="s">
        <v>2268</v>
      </c>
      <c r="C14" s="226" t="s">
        <v>89</v>
      </c>
      <c r="D14" s="225" t="s">
        <v>2287</v>
      </c>
      <c r="E14" s="227">
        <v>45938</v>
      </c>
      <c r="F14" s="227">
        <v>45938</v>
      </c>
      <c r="G14" s="225" t="s">
        <v>2269</v>
      </c>
      <c r="H14" s="225" t="s">
        <v>2270</v>
      </c>
      <c r="I14" s="228" t="s">
        <v>2271</v>
      </c>
      <c r="J14" s="225" t="s">
        <v>2272</v>
      </c>
      <c r="K14" s="225" t="s">
        <v>61</v>
      </c>
      <c r="L14" s="229" t="s">
        <v>62</v>
      </c>
      <c r="M14" s="225" t="s">
        <v>2273</v>
      </c>
      <c r="N14" s="159"/>
      <c r="O14" s="159"/>
    </row>
    <row r="15" spans="1:15" s="68" customFormat="1" ht="73.2" customHeight="1" x14ac:dyDescent="0.2">
      <c r="A15" s="15" t="s">
        <v>588</v>
      </c>
      <c r="B15" s="214" t="s">
        <v>607</v>
      </c>
      <c r="C15" s="16" t="s">
        <v>99</v>
      </c>
      <c r="D15" s="214" t="s">
        <v>608</v>
      </c>
      <c r="E15" s="33">
        <v>45939</v>
      </c>
      <c r="F15" s="33">
        <v>45939</v>
      </c>
      <c r="G15" s="13" t="s">
        <v>609</v>
      </c>
      <c r="H15" s="13" t="s">
        <v>603</v>
      </c>
      <c r="I15" s="13" t="s">
        <v>606</v>
      </c>
      <c r="J15" s="13" t="s">
        <v>60</v>
      </c>
      <c r="K15" s="13" t="s">
        <v>61</v>
      </c>
      <c r="L15" s="17" t="s">
        <v>85</v>
      </c>
      <c r="M15" s="13" t="s">
        <v>606</v>
      </c>
      <c r="N15" s="159"/>
      <c r="O15" s="159"/>
    </row>
    <row r="16" spans="1:15" s="68" customFormat="1" ht="73.2" customHeight="1" x14ac:dyDescent="0.2">
      <c r="A16" s="15" t="s">
        <v>588</v>
      </c>
      <c r="B16" s="214" t="s">
        <v>621</v>
      </c>
      <c r="C16" s="16" t="s">
        <v>600</v>
      </c>
      <c r="D16" s="214" t="s">
        <v>622</v>
      </c>
      <c r="E16" s="33">
        <v>45941</v>
      </c>
      <c r="F16" s="33">
        <v>45941</v>
      </c>
      <c r="G16" s="13" t="s">
        <v>606</v>
      </c>
      <c r="H16" s="13" t="s">
        <v>603</v>
      </c>
      <c r="I16" s="13" t="s">
        <v>616</v>
      </c>
      <c r="J16" s="13" t="s">
        <v>623</v>
      </c>
      <c r="K16" s="13" t="s">
        <v>61</v>
      </c>
      <c r="L16" s="17" t="s">
        <v>62</v>
      </c>
      <c r="M16" s="13" t="s">
        <v>606</v>
      </c>
      <c r="N16" s="159"/>
      <c r="O16" s="159"/>
    </row>
    <row r="17" spans="1:15" s="68" customFormat="1" ht="73.2" customHeight="1" x14ac:dyDescent="0.2">
      <c r="A17" s="15" t="s">
        <v>588</v>
      </c>
      <c r="B17" s="214" t="s">
        <v>645</v>
      </c>
      <c r="C17" s="16" t="s">
        <v>55</v>
      </c>
      <c r="D17" s="214" t="s">
        <v>646</v>
      </c>
      <c r="E17" s="33">
        <v>45945</v>
      </c>
      <c r="F17" s="33">
        <v>45945</v>
      </c>
      <c r="G17" s="13" t="s">
        <v>647</v>
      </c>
      <c r="H17" s="13" t="s">
        <v>648</v>
      </c>
      <c r="I17" s="13" t="s">
        <v>649</v>
      </c>
      <c r="J17" s="13" t="s">
        <v>115</v>
      </c>
      <c r="K17" s="13" t="s">
        <v>61</v>
      </c>
      <c r="L17" s="17" t="s">
        <v>62</v>
      </c>
      <c r="M17" s="13" t="s">
        <v>647</v>
      </c>
      <c r="N17" s="159" t="s">
        <v>2277</v>
      </c>
      <c r="O17" s="159"/>
    </row>
    <row r="18" spans="1:15" s="68" customFormat="1" ht="73.2" customHeight="1" x14ac:dyDescent="0.2">
      <c r="A18" s="15" t="s">
        <v>588</v>
      </c>
      <c r="B18" s="214" t="s">
        <v>610</v>
      </c>
      <c r="C18" s="16" t="s">
        <v>99</v>
      </c>
      <c r="D18" s="214" t="s">
        <v>611</v>
      </c>
      <c r="E18" s="33">
        <v>45948</v>
      </c>
      <c r="F18" s="33">
        <v>45948</v>
      </c>
      <c r="G18" s="13" t="s">
        <v>606</v>
      </c>
      <c r="H18" s="13" t="s">
        <v>603</v>
      </c>
      <c r="I18" s="13" t="s">
        <v>612</v>
      </c>
      <c r="J18" s="13" t="s">
        <v>60</v>
      </c>
      <c r="K18" s="13" t="s">
        <v>61</v>
      </c>
      <c r="L18" s="17" t="s">
        <v>85</v>
      </c>
      <c r="M18" s="13" t="s">
        <v>606</v>
      </c>
      <c r="N18" s="159"/>
      <c r="O18" s="159"/>
    </row>
    <row r="19" spans="1:15" s="68" customFormat="1" ht="113.4" x14ac:dyDescent="0.2">
      <c r="A19" s="18" t="s">
        <v>588</v>
      </c>
      <c r="B19" s="18" t="s">
        <v>1720</v>
      </c>
      <c r="C19" s="12" t="s">
        <v>55</v>
      </c>
      <c r="D19" s="18" t="s">
        <v>1721</v>
      </c>
      <c r="E19" s="36">
        <v>45948</v>
      </c>
      <c r="F19" s="36">
        <v>45948</v>
      </c>
      <c r="G19" s="49" t="s">
        <v>1702</v>
      </c>
      <c r="H19" s="49" t="s">
        <v>1703</v>
      </c>
      <c r="I19" s="49" t="s">
        <v>1672</v>
      </c>
      <c r="J19" s="49" t="s">
        <v>554</v>
      </c>
      <c r="K19" s="49" t="s">
        <v>61</v>
      </c>
      <c r="L19" s="21" t="s">
        <v>62</v>
      </c>
      <c r="M19" s="49" t="s">
        <v>1709</v>
      </c>
      <c r="N19" s="159" t="s">
        <v>2276</v>
      </c>
      <c r="O19" s="159"/>
    </row>
    <row r="20" spans="1:15" s="68" customFormat="1" ht="180" customHeight="1" x14ac:dyDescent="0.2">
      <c r="A20" s="14" t="s">
        <v>588</v>
      </c>
      <c r="B20" s="14" t="s">
        <v>1729</v>
      </c>
      <c r="C20" s="16" t="s">
        <v>99</v>
      </c>
      <c r="D20" s="14" t="s">
        <v>1730</v>
      </c>
      <c r="E20" s="33">
        <v>45948</v>
      </c>
      <c r="F20" s="33">
        <v>45948</v>
      </c>
      <c r="G20" s="13" t="s">
        <v>1731</v>
      </c>
      <c r="H20" s="13" t="s">
        <v>1732</v>
      </c>
      <c r="I20" s="13" t="s">
        <v>1733</v>
      </c>
      <c r="J20" s="13" t="s">
        <v>60</v>
      </c>
      <c r="K20" s="13" t="s">
        <v>70</v>
      </c>
      <c r="L20" s="17" t="s">
        <v>982</v>
      </c>
      <c r="M20" s="13" t="s">
        <v>1734</v>
      </c>
      <c r="N20" s="159" t="s">
        <v>2278</v>
      </c>
      <c r="O20" s="159"/>
    </row>
    <row r="21" spans="1:15" s="68" customFormat="1" ht="145.80000000000001" x14ac:dyDescent="0.2">
      <c r="A21" s="15" t="s">
        <v>588</v>
      </c>
      <c r="B21" s="15" t="s">
        <v>594</v>
      </c>
      <c r="C21" s="16" t="s">
        <v>55</v>
      </c>
      <c r="D21" s="15" t="s">
        <v>595</v>
      </c>
      <c r="E21" s="33">
        <v>45949</v>
      </c>
      <c r="F21" s="33">
        <v>45949</v>
      </c>
      <c r="G21" s="13" t="s">
        <v>591</v>
      </c>
      <c r="H21" s="13" t="s">
        <v>592</v>
      </c>
      <c r="I21" s="13" t="s">
        <v>591</v>
      </c>
      <c r="J21" s="13" t="s">
        <v>596</v>
      </c>
      <c r="K21" s="13" t="s">
        <v>61</v>
      </c>
      <c r="L21" s="17" t="s">
        <v>85</v>
      </c>
      <c r="M21" s="13" t="s">
        <v>591</v>
      </c>
      <c r="N21" s="159" t="s">
        <v>2275</v>
      </c>
      <c r="O21" s="159"/>
    </row>
    <row r="22" spans="1:15" s="68" customFormat="1" ht="159.6" customHeight="1" x14ac:dyDescent="0.2">
      <c r="A22" s="15" t="s">
        <v>588</v>
      </c>
      <c r="B22" s="214" t="s">
        <v>651</v>
      </c>
      <c r="C22" s="16" t="s">
        <v>55</v>
      </c>
      <c r="D22" s="214" t="s">
        <v>2247</v>
      </c>
      <c r="E22" s="33">
        <v>45949</v>
      </c>
      <c r="F22" s="33">
        <v>45949</v>
      </c>
      <c r="G22" s="13" t="s">
        <v>652</v>
      </c>
      <c r="H22" s="13" t="s">
        <v>653</v>
      </c>
      <c r="I22" s="13" t="s">
        <v>654</v>
      </c>
      <c r="J22" s="13" t="s">
        <v>60</v>
      </c>
      <c r="K22" s="13" t="s">
        <v>61</v>
      </c>
      <c r="L22" s="17" t="s">
        <v>85</v>
      </c>
      <c r="M22" s="13" t="s">
        <v>655</v>
      </c>
      <c r="N22" s="159" t="s">
        <v>2277</v>
      </c>
      <c r="O22" s="159"/>
    </row>
    <row r="23" spans="1:15" s="68" customFormat="1" ht="113.4" x14ac:dyDescent="0.2">
      <c r="A23" s="18" t="s">
        <v>588</v>
      </c>
      <c r="B23" s="18" t="s">
        <v>1713</v>
      </c>
      <c r="C23" s="12" t="s">
        <v>55</v>
      </c>
      <c r="D23" s="18" t="s">
        <v>1714</v>
      </c>
      <c r="E23" s="36">
        <v>45958</v>
      </c>
      <c r="F23" s="36">
        <v>45958</v>
      </c>
      <c r="G23" s="49" t="s">
        <v>1702</v>
      </c>
      <c r="H23" s="49" t="s">
        <v>1703</v>
      </c>
      <c r="I23" s="49" t="s">
        <v>1672</v>
      </c>
      <c r="J23" s="49" t="s">
        <v>554</v>
      </c>
      <c r="K23" s="49" t="s">
        <v>61</v>
      </c>
      <c r="L23" s="21" t="s">
        <v>85</v>
      </c>
      <c r="M23" s="49" t="s">
        <v>1704</v>
      </c>
      <c r="N23" s="159" t="s">
        <v>2276</v>
      </c>
      <c r="O23" s="159"/>
    </row>
    <row r="24" spans="1:15" s="68" customFormat="1" ht="39.6" x14ac:dyDescent="0.2">
      <c r="A24" s="15" t="s">
        <v>588</v>
      </c>
      <c r="B24" s="214" t="s">
        <v>617</v>
      </c>
      <c r="C24" s="16" t="s">
        <v>55</v>
      </c>
      <c r="D24" s="214" t="s">
        <v>618</v>
      </c>
      <c r="E24" s="33">
        <v>45970</v>
      </c>
      <c r="F24" s="33">
        <v>45970</v>
      </c>
      <c r="G24" s="13" t="s">
        <v>619</v>
      </c>
      <c r="H24" s="13" t="s">
        <v>603</v>
      </c>
      <c r="I24" s="13" t="s">
        <v>620</v>
      </c>
      <c r="J24" s="13" t="s">
        <v>60</v>
      </c>
      <c r="K24" s="13" t="s">
        <v>61</v>
      </c>
      <c r="L24" s="17" t="s">
        <v>62</v>
      </c>
      <c r="M24" s="13" t="s">
        <v>606</v>
      </c>
      <c r="N24" s="159"/>
      <c r="O24" s="159"/>
    </row>
    <row r="25" spans="1:15" s="68" customFormat="1" ht="145.80000000000001" x14ac:dyDescent="0.2">
      <c r="A25" s="15" t="s">
        <v>588</v>
      </c>
      <c r="B25" s="214" t="s">
        <v>597</v>
      </c>
      <c r="C25" s="16" t="s">
        <v>55</v>
      </c>
      <c r="D25" s="214" t="s">
        <v>598</v>
      </c>
      <c r="E25" s="33">
        <v>45970</v>
      </c>
      <c r="F25" s="33">
        <v>45970</v>
      </c>
      <c r="G25" s="13" t="s">
        <v>591</v>
      </c>
      <c r="H25" s="13" t="s">
        <v>592</v>
      </c>
      <c r="I25" s="13" t="s">
        <v>591</v>
      </c>
      <c r="J25" s="13" t="s">
        <v>60</v>
      </c>
      <c r="K25" s="13" t="s">
        <v>61</v>
      </c>
      <c r="L25" s="17" t="s">
        <v>85</v>
      </c>
      <c r="M25" s="13" t="s">
        <v>591</v>
      </c>
      <c r="N25" s="159" t="s">
        <v>2275</v>
      </c>
      <c r="O25" s="159"/>
    </row>
    <row r="26" spans="1:15" s="68" customFormat="1" ht="113.4" x14ac:dyDescent="0.2">
      <c r="A26" s="18" t="s">
        <v>588</v>
      </c>
      <c r="B26" s="18" t="s">
        <v>1722</v>
      </c>
      <c r="C26" s="12" t="s">
        <v>80</v>
      </c>
      <c r="D26" s="18" t="s">
        <v>1723</v>
      </c>
      <c r="E26" s="36">
        <v>45972</v>
      </c>
      <c r="F26" s="36">
        <v>45972</v>
      </c>
      <c r="G26" s="49" t="s">
        <v>1724</v>
      </c>
      <c r="H26" s="49" t="s">
        <v>1725</v>
      </c>
      <c r="I26" s="49" t="s">
        <v>1726</v>
      </c>
      <c r="J26" s="49" t="s">
        <v>554</v>
      </c>
      <c r="K26" s="49" t="s">
        <v>61</v>
      </c>
      <c r="L26" s="21" t="s">
        <v>62</v>
      </c>
      <c r="M26" s="49" t="s">
        <v>1727</v>
      </c>
      <c r="N26" s="159" t="s">
        <v>1728</v>
      </c>
      <c r="O26" s="159"/>
    </row>
    <row r="27" spans="1:15" s="68" customFormat="1" ht="91.95" customHeight="1" x14ac:dyDescent="0.2">
      <c r="A27" s="15" t="s">
        <v>588</v>
      </c>
      <c r="B27" s="214" t="s">
        <v>599</v>
      </c>
      <c r="C27" s="16" t="s">
        <v>600</v>
      </c>
      <c r="D27" s="214" t="s">
        <v>601</v>
      </c>
      <c r="E27" s="33">
        <v>45977</v>
      </c>
      <c r="F27" s="33">
        <v>45977</v>
      </c>
      <c r="G27" s="13" t="s">
        <v>602</v>
      </c>
      <c r="H27" s="13" t="s">
        <v>603</v>
      </c>
      <c r="I27" s="13" t="s">
        <v>604</v>
      </c>
      <c r="J27" s="13" t="s">
        <v>605</v>
      </c>
      <c r="K27" s="13" t="s">
        <v>61</v>
      </c>
      <c r="L27" s="17" t="s">
        <v>62</v>
      </c>
      <c r="M27" s="13" t="s">
        <v>606</v>
      </c>
      <c r="N27" s="159"/>
      <c r="O27" s="159"/>
    </row>
    <row r="28" spans="1:15" s="68" customFormat="1" ht="91.95" customHeight="1" x14ac:dyDescent="0.2">
      <c r="A28" s="15" t="s">
        <v>588</v>
      </c>
      <c r="B28" s="214" t="s">
        <v>640</v>
      </c>
      <c r="C28" s="20" t="s">
        <v>55</v>
      </c>
      <c r="D28" s="214" t="s">
        <v>641</v>
      </c>
      <c r="E28" s="33">
        <v>45977</v>
      </c>
      <c r="F28" s="33">
        <v>45977</v>
      </c>
      <c r="G28" s="13" t="s">
        <v>642</v>
      </c>
      <c r="H28" s="13" t="s">
        <v>634</v>
      </c>
      <c r="I28" s="13" t="s">
        <v>643</v>
      </c>
      <c r="J28" s="13" t="s">
        <v>644</v>
      </c>
      <c r="K28" s="13" t="s">
        <v>61</v>
      </c>
      <c r="L28" s="17" t="s">
        <v>85</v>
      </c>
      <c r="M28" s="13" t="s">
        <v>630</v>
      </c>
      <c r="N28" s="159"/>
      <c r="O28" s="159"/>
    </row>
    <row r="29" spans="1:15" s="68" customFormat="1" ht="91.95" customHeight="1" x14ac:dyDescent="0.2">
      <c r="A29" s="18" t="s">
        <v>588</v>
      </c>
      <c r="B29" s="18" t="s">
        <v>1696</v>
      </c>
      <c r="C29" s="12" t="s">
        <v>99</v>
      </c>
      <c r="D29" s="18" t="s">
        <v>1697</v>
      </c>
      <c r="E29" s="83" t="s">
        <v>1698</v>
      </c>
      <c r="F29" s="83" t="s">
        <v>1699</v>
      </c>
      <c r="G29" s="49" t="s">
        <v>1690</v>
      </c>
      <c r="H29" s="49" t="s">
        <v>1691</v>
      </c>
      <c r="I29" s="49" t="s">
        <v>1692</v>
      </c>
      <c r="J29" s="49" t="s">
        <v>1693</v>
      </c>
      <c r="K29" s="49" t="s">
        <v>70</v>
      </c>
      <c r="L29" s="21" t="s">
        <v>85</v>
      </c>
      <c r="M29" s="49" t="s">
        <v>1694</v>
      </c>
      <c r="N29" s="159" t="s">
        <v>2279</v>
      </c>
      <c r="O29" s="159"/>
    </row>
    <row r="30" spans="1:15" s="68" customFormat="1" ht="91.95" customHeight="1" x14ac:dyDescent="0.2">
      <c r="A30" s="18" t="s">
        <v>588</v>
      </c>
      <c r="B30" s="18" t="s">
        <v>1686</v>
      </c>
      <c r="C30" s="12" t="s">
        <v>99</v>
      </c>
      <c r="D30" s="18" t="s">
        <v>1687</v>
      </c>
      <c r="E30" s="83" t="s">
        <v>1688</v>
      </c>
      <c r="F30" s="83" t="s">
        <v>1689</v>
      </c>
      <c r="G30" s="49" t="s">
        <v>1690</v>
      </c>
      <c r="H30" s="49" t="s">
        <v>1691</v>
      </c>
      <c r="I30" s="49" t="s">
        <v>1692</v>
      </c>
      <c r="J30" s="49" t="s">
        <v>1693</v>
      </c>
      <c r="K30" s="49" t="s">
        <v>70</v>
      </c>
      <c r="L30" s="21" t="s">
        <v>85</v>
      </c>
      <c r="M30" s="49" t="s">
        <v>1694</v>
      </c>
      <c r="N30" s="159" t="s">
        <v>2279</v>
      </c>
      <c r="O30" s="159"/>
    </row>
    <row r="31" spans="1:15" s="68" customFormat="1" ht="55.2" customHeight="1" x14ac:dyDescent="0.2">
      <c r="A31" s="15" t="s">
        <v>657</v>
      </c>
      <c r="B31" s="214" t="s">
        <v>711</v>
      </c>
      <c r="C31" s="16" t="s">
        <v>55</v>
      </c>
      <c r="D31" s="214" t="s">
        <v>712</v>
      </c>
      <c r="E31" s="33">
        <v>45902</v>
      </c>
      <c r="F31" s="33">
        <v>45930</v>
      </c>
      <c r="G31" s="13" t="s">
        <v>713</v>
      </c>
      <c r="H31" s="13" t="s">
        <v>707</v>
      </c>
      <c r="I31" s="13" t="s">
        <v>710</v>
      </c>
      <c r="J31" s="13" t="s">
        <v>60</v>
      </c>
      <c r="K31" s="13" t="s">
        <v>61</v>
      </c>
      <c r="L31" s="17" t="s">
        <v>85</v>
      </c>
      <c r="M31" s="13" t="s">
        <v>710</v>
      </c>
      <c r="N31" s="159"/>
      <c r="O31" s="159"/>
    </row>
    <row r="32" spans="1:15" s="68" customFormat="1" ht="108" customHeight="1" x14ac:dyDescent="0.2">
      <c r="A32" s="15" t="s">
        <v>657</v>
      </c>
      <c r="B32" s="214" t="s">
        <v>665</v>
      </c>
      <c r="C32" s="16" t="s">
        <v>55</v>
      </c>
      <c r="D32" s="214" t="s">
        <v>666</v>
      </c>
      <c r="E32" s="33">
        <v>45904</v>
      </c>
      <c r="F32" s="33">
        <v>45930</v>
      </c>
      <c r="G32" s="215" t="s">
        <v>667</v>
      </c>
      <c r="H32" s="13" t="s">
        <v>661</v>
      </c>
      <c r="I32" s="13" t="s">
        <v>662</v>
      </c>
      <c r="J32" s="13" t="s">
        <v>663</v>
      </c>
      <c r="K32" s="13" t="s">
        <v>70</v>
      </c>
      <c r="L32" s="17" t="s">
        <v>62</v>
      </c>
      <c r="M32" s="215" t="s">
        <v>664</v>
      </c>
      <c r="N32" s="159"/>
      <c r="O32" s="159"/>
    </row>
    <row r="33" spans="1:15" s="68" customFormat="1" ht="108" customHeight="1" x14ac:dyDescent="0.2">
      <c r="A33" s="15" t="s">
        <v>657</v>
      </c>
      <c r="B33" s="214" t="s">
        <v>658</v>
      </c>
      <c r="C33" s="16" t="s">
        <v>55</v>
      </c>
      <c r="D33" s="214" t="s">
        <v>659</v>
      </c>
      <c r="E33" s="33">
        <v>45907</v>
      </c>
      <c r="F33" s="33">
        <v>45984</v>
      </c>
      <c r="G33" s="215" t="s">
        <v>660</v>
      </c>
      <c r="H33" s="13" t="s">
        <v>661</v>
      </c>
      <c r="I33" s="13" t="s">
        <v>662</v>
      </c>
      <c r="J33" s="13" t="s">
        <v>663</v>
      </c>
      <c r="K33" s="13" t="s">
        <v>61</v>
      </c>
      <c r="L33" s="17" t="s">
        <v>85</v>
      </c>
      <c r="M33" s="215" t="s">
        <v>664</v>
      </c>
      <c r="N33" s="159"/>
      <c r="O33" s="159"/>
    </row>
    <row r="34" spans="1:15" s="68" customFormat="1" ht="55.2" customHeight="1" x14ac:dyDescent="0.2">
      <c r="A34" s="15" t="s">
        <v>657</v>
      </c>
      <c r="B34" s="214" t="s">
        <v>704</v>
      </c>
      <c r="C34" s="16" t="s">
        <v>55</v>
      </c>
      <c r="D34" s="214" t="s">
        <v>705</v>
      </c>
      <c r="E34" s="33">
        <v>45920</v>
      </c>
      <c r="F34" s="33">
        <v>45920</v>
      </c>
      <c r="G34" s="13" t="s">
        <v>706</v>
      </c>
      <c r="H34" s="13" t="s">
        <v>707</v>
      </c>
      <c r="I34" s="13" t="s">
        <v>708</v>
      </c>
      <c r="J34" s="13" t="s">
        <v>709</v>
      </c>
      <c r="K34" s="13" t="s">
        <v>61</v>
      </c>
      <c r="L34" s="17" t="s">
        <v>62</v>
      </c>
      <c r="M34" s="13" t="s">
        <v>710</v>
      </c>
      <c r="N34" s="159"/>
      <c r="O34" s="159"/>
    </row>
    <row r="35" spans="1:15" s="68" customFormat="1" ht="97.2" x14ac:dyDescent="0.2">
      <c r="A35" s="20" t="s">
        <v>657</v>
      </c>
      <c r="B35" s="15" t="s">
        <v>680</v>
      </c>
      <c r="C35" s="16" t="s">
        <v>55</v>
      </c>
      <c r="D35" s="15" t="s">
        <v>681</v>
      </c>
      <c r="E35" s="33">
        <v>45927</v>
      </c>
      <c r="F35" s="33">
        <v>45928</v>
      </c>
      <c r="G35" s="13" t="s">
        <v>682</v>
      </c>
      <c r="H35" s="13" t="s">
        <v>683</v>
      </c>
      <c r="I35" s="13" t="s">
        <v>684</v>
      </c>
      <c r="J35" s="13" t="s">
        <v>554</v>
      </c>
      <c r="K35" s="13" t="s">
        <v>61</v>
      </c>
      <c r="L35" s="17" t="s">
        <v>85</v>
      </c>
      <c r="M35" s="13" t="s">
        <v>685</v>
      </c>
      <c r="N35" s="159" t="s">
        <v>2280</v>
      </c>
      <c r="O35" s="159"/>
    </row>
    <row r="36" spans="1:15" s="68" customFormat="1" ht="67.95" customHeight="1" x14ac:dyDescent="0.2">
      <c r="A36" s="15" t="s">
        <v>657</v>
      </c>
      <c r="B36" s="214" t="s">
        <v>668</v>
      </c>
      <c r="C36" s="16" t="s">
        <v>55</v>
      </c>
      <c r="D36" s="214" t="s">
        <v>669</v>
      </c>
      <c r="E36" s="33">
        <v>45934</v>
      </c>
      <c r="F36" s="33">
        <v>45961</v>
      </c>
      <c r="G36" s="215" t="s">
        <v>667</v>
      </c>
      <c r="H36" s="13" t="s">
        <v>661</v>
      </c>
      <c r="I36" s="13" t="s">
        <v>662</v>
      </c>
      <c r="J36" s="13" t="s">
        <v>663</v>
      </c>
      <c r="K36" s="13" t="s">
        <v>70</v>
      </c>
      <c r="L36" s="17" t="s">
        <v>62</v>
      </c>
      <c r="M36" s="215" t="s">
        <v>664</v>
      </c>
      <c r="N36" s="159"/>
      <c r="O36" s="159"/>
    </row>
    <row r="37" spans="1:15" s="68" customFormat="1" ht="67.95" customHeight="1" x14ac:dyDescent="0.2">
      <c r="A37" s="15" t="s">
        <v>657</v>
      </c>
      <c r="B37" s="214" t="s">
        <v>718</v>
      </c>
      <c r="C37" s="16" t="s">
        <v>55</v>
      </c>
      <c r="D37" s="214" t="s">
        <v>719</v>
      </c>
      <c r="E37" s="33">
        <v>45935</v>
      </c>
      <c r="F37" s="33">
        <v>45935</v>
      </c>
      <c r="G37" s="13" t="s">
        <v>706</v>
      </c>
      <c r="H37" s="13" t="s">
        <v>707</v>
      </c>
      <c r="I37" s="13" t="s">
        <v>708</v>
      </c>
      <c r="J37" s="13" t="s">
        <v>720</v>
      </c>
      <c r="K37" s="13" t="s">
        <v>61</v>
      </c>
      <c r="L37" s="17" t="s">
        <v>62</v>
      </c>
      <c r="M37" s="13" t="s">
        <v>710</v>
      </c>
      <c r="N37" s="159"/>
      <c r="O37" s="159"/>
    </row>
    <row r="38" spans="1:15" s="68" customFormat="1" ht="99" customHeight="1" x14ac:dyDescent="0.2">
      <c r="A38" s="15" t="s">
        <v>657</v>
      </c>
      <c r="B38" s="214" t="s">
        <v>729</v>
      </c>
      <c r="C38" s="16" t="s">
        <v>600</v>
      </c>
      <c r="D38" s="214" t="s">
        <v>730</v>
      </c>
      <c r="E38" s="33">
        <v>45935</v>
      </c>
      <c r="F38" s="33">
        <v>45935</v>
      </c>
      <c r="G38" s="13" t="s">
        <v>731</v>
      </c>
      <c r="H38" s="13" t="s">
        <v>690</v>
      </c>
      <c r="I38" s="13" t="s">
        <v>732</v>
      </c>
      <c r="J38" s="13" t="s">
        <v>733</v>
      </c>
      <c r="K38" s="13" t="s">
        <v>61</v>
      </c>
      <c r="L38" s="17" t="s">
        <v>85</v>
      </c>
      <c r="M38" s="13" t="s">
        <v>734</v>
      </c>
      <c r="N38" s="159"/>
      <c r="O38" s="159"/>
    </row>
    <row r="39" spans="1:15" s="68" customFormat="1" ht="77.400000000000006" customHeight="1" x14ac:dyDescent="0.2">
      <c r="A39" s="15" t="s">
        <v>657</v>
      </c>
      <c r="B39" s="214" t="s">
        <v>750</v>
      </c>
      <c r="C39" s="16" t="s">
        <v>55</v>
      </c>
      <c r="D39" s="214" t="s">
        <v>751</v>
      </c>
      <c r="E39" s="33">
        <v>45941</v>
      </c>
      <c r="F39" s="33">
        <v>45941</v>
      </c>
      <c r="G39" s="13" t="s">
        <v>752</v>
      </c>
      <c r="H39" s="13" t="s">
        <v>753</v>
      </c>
      <c r="I39" s="13" t="s">
        <v>754</v>
      </c>
      <c r="J39" s="13" t="s">
        <v>755</v>
      </c>
      <c r="K39" s="13" t="s">
        <v>70</v>
      </c>
      <c r="L39" s="17" t="s">
        <v>62</v>
      </c>
      <c r="M39" s="13" t="s">
        <v>756</v>
      </c>
      <c r="N39" s="159"/>
      <c r="O39" s="159"/>
    </row>
    <row r="40" spans="1:15" s="68" customFormat="1" ht="77.400000000000006" customHeight="1" x14ac:dyDescent="0.2">
      <c r="A40" s="15" t="s">
        <v>657</v>
      </c>
      <c r="B40" s="214" t="s">
        <v>670</v>
      </c>
      <c r="C40" s="16" t="s">
        <v>55</v>
      </c>
      <c r="D40" s="214" t="s">
        <v>671</v>
      </c>
      <c r="E40" s="33">
        <v>45948</v>
      </c>
      <c r="F40" s="33">
        <v>45948</v>
      </c>
      <c r="G40" s="215" t="s">
        <v>660</v>
      </c>
      <c r="H40" s="13" t="s">
        <v>661</v>
      </c>
      <c r="I40" s="13" t="s">
        <v>662</v>
      </c>
      <c r="J40" s="13" t="s">
        <v>663</v>
      </c>
      <c r="K40" s="13" t="s">
        <v>61</v>
      </c>
      <c r="L40" s="17" t="s">
        <v>85</v>
      </c>
      <c r="M40" s="215" t="s">
        <v>664</v>
      </c>
      <c r="N40" s="159"/>
      <c r="O40" s="159"/>
    </row>
    <row r="41" spans="1:15" s="68" customFormat="1" ht="77.400000000000006" customHeight="1" x14ac:dyDescent="0.2">
      <c r="A41" s="15" t="s">
        <v>657</v>
      </c>
      <c r="B41" s="214" t="s">
        <v>714</v>
      </c>
      <c r="C41" s="16" t="s">
        <v>600</v>
      </c>
      <c r="D41" s="214" t="s">
        <v>715</v>
      </c>
      <c r="E41" s="33">
        <v>45948</v>
      </c>
      <c r="F41" s="33">
        <v>45948</v>
      </c>
      <c r="G41" s="218" t="s">
        <v>2239</v>
      </c>
      <c r="H41" s="13" t="s">
        <v>707</v>
      </c>
      <c r="I41" s="13" t="s">
        <v>716</v>
      </c>
      <c r="J41" s="13" t="s">
        <v>717</v>
      </c>
      <c r="K41" s="13" t="s">
        <v>61</v>
      </c>
      <c r="L41" s="17" t="s">
        <v>62</v>
      </c>
      <c r="M41" s="13" t="s">
        <v>710</v>
      </c>
      <c r="N41" s="159"/>
      <c r="O41" s="159"/>
    </row>
    <row r="42" spans="1:15" s="68" customFormat="1" ht="77.400000000000006" customHeight="1" x14ac:dyDescent="0.2">
      <c r="A42" s="15" t="s">
        <v>657</v>
      </c>
      <c r="B42" s="214" t="s">
        <v>687</v>
      </c>
      <c r="C42" s="15" t="s">
        <v>55</v>
      </c>
      <c r="D42" s="214" t="s">
        <v>688</v>
      </c>
      <c r="E42" s="33">
        <v>45949</v>
      </c>
      <c r="F42" s="33">
        <v>45949</v>
      </c>
      <c r="G42" s="13" t="s">
        <v>689</v>
      </c>
      <c r="H42" s="13" t="s">
        <v>690</v>
      </c>
      <c r="I42" s="13" t="s">
        <v>691</v>
      </c>
      <c r="J42" s="13" t="s">
        <v>692</v>
      </c>
      <c r="K42" s="13" t="s">
        <v>61</v>
      </c>
      <c r="L42" s="17" t="s">
        <v>85</v>
      </c>
      <c r="M42" s="13" t="s">
        <v>689</v>
      </c>
      <c r="N42" s="159"/>
      <c r="O42" s="159"/>
    </row>
    <row r="43" spans="1:15" s="68" customFormat="1" ht="77.400000000000006" customHeight="1" x14ac:dyDescent="0.2">
      <c r="A43" s="15" t="s">
        <v>657</v>
      </c>
      <c r="B43" s="214" t="s">
        <v>693</v>
      </c>
      <c r="C43" s="15" t="s">
        <v>600</v>
      </c>
      <c r="D43" s="214" t="s">
        <v>694</v>
      </c>
      <c r="E43" s="33">
        <v>45949</v>
      </c>
      <c r="F43" s="33">
        <v>45949</v>
      </c>
      <c r="G43" s="13" t="s">
        <v>695</v>
      </c>
      <c r="H43" s="13" t="s">
        <v>696</v>
      </c>
      <c r="I43" s="13" t="s">
        <v>697</v>
      </c>
      <c r="J43" s="13" t="s">
        <v>115</v>
      </c>
      <c r="K43" s="13" t="s">
        <v>61</v>
      </c>
      <c r="L43" s="17" t="s">
        <v>85</v>
      </c>
      <c r="M43" s="13" t="s">
        <v>698</v>
      </c>
      <c r="N43" s="159"/>
      <c r="O43" s="159"/>
    </row>
    <row r="44" spans="1:15" s="68" customFormat="1" ht="77.400000000000006" customHeight="1" x14ac:dyDescent="0.2">
      <c r="A44" s="15" t="s">
        <v>657</v>
      </c>
      <c r="B44" s="214" t="s">
        <v>746</v>
      </c>
      <c r="C44" s="15" t="s">
        <v>600</v>
      </c>
      <c r="D44" s="214" t="s">
        <v>747</v>
      </c>
      <c r="E44" s="33">
        <v>45949</v>
      </c>
      <c r="F44" s="33">
        <v>45949</v>
      </c>
      <c r="G44" s="13" t="s">
        <v>748</v>
      </c>
      <c r="H44" s="13" t="s">
        <v>2240</v>
      </c>
      <c r="I44" s="13" t="s">
        <v>749</v>
      </c>
      <c r="J44" s="13" t="s">
        <v>744</v>
      </c>
      <c r="K44" s="13" t="s">
        <v>61</v>
      </c>
      <c r="L44" s="17" t="s">
        <v>85</v>
      </c>
      <c r="M44" s="13" t="s">
        <v>745</v>
      </c>
      <c r="N44" s="159" t="s">
        <v>2281</v>
      </c>
      <c r="O44" s="159"/>
    </row>
    <row r="45" spans="1:15" s="68" customFormat="1" ht="77.400000000000006" customHeight="1" x14ac:dyDescent="0.2">
      <c r="A45" s="15" t="s">
        <v>657</v>
      </c>
      <c r="B45" s="214" t="s">
        <v>2232</v>
      </c>
      <c r="C45" s="15" t="s">
        <v>55</v>
      </c>
      <c r="D45" s="214" t="s">
        <v>2233</v>
      </c>
      <c r="E45" s="33">
        <v>45955</v>
      </c>
      <c r="F45" s="33">
        <v>45955</v>
      </c>
      <c r="G45" s="13" t="s">
        <v>2234</v>
      </c>
      <c r="H45" s="13" t="s">
        <v>690</v>
      </c>
      <c r="I45" s="13" t="s">
        <v>2235</v>
      </c>
      <c r="J45" s="13" t="s">
        <v>2236</v>
      </c>
      <c r="K45" s="13" t="s">
        <v>70</v>
      </c>
      <c r="L45" s="17" t="s">
        <v>62</v>
      </c>
      <c r="M45" s="13" t="s">
        <v>689</v>
      </c>
      <c r="N45" s="159"/>
      <c r="O45" s="159"/>
    </row>
    <row r="46" spans="1:15" s="68" customFormat="1" ht="79.2" x14ac:dyDescent="0.2">
      <c r="A46" s="15" t="s">
        <v>657</v>
      </c>
      <c r="B46" s="214" t="s">
        <v>672</v>
      </c>
      <c r="C46" s="15" t="s">
        <v>55</v>
      </c>
      <c r="D46" s="214" t="s">
        <v>673</v>
      </c>
      <c r="E46" s="33">
        <v>45955</v>
      </c>
      <c r="F46" s="33">
        <v>45955</v>
      </c>
      <c r="G46" s="215" t="s">
        <v>674</v>
      </c>
      <c r="H46" s="13" t="s">
        <v>661</v>
      </c>
      <c r="I46" s="13" t="s">
        <v>662</v>
      </c>
      <c r="J46" s="13" t="s">
        <v>663</v>
      </c>
      <c r="K46" s="13" t="s">
        <v>61</v>
      </c>
      <c r="L46" s="17" t="s">
        <v>62</v>
      </c>
      <c r="M46" s="215" t="s">
        <v>664</v>
      </c>
      <c r="N46" s="159"/>
      <c r="O46" s="159"/>
    </row>
    <row r="47" spans="1:15" s="68" customFormat="1" ht="83.4" customHeight="1" x14ac:dyDescent="0.2">
      <c r="A47" s="15" t="s">
        <v>657</v>
      </c>
      <c r="B47" s="214" t="s">
        <v>699</v>
      </c>
      <c r="C47" s="15" t="s">
        <v>600</v>
      </c>
      <c r="D47" s="214" t="s">
        <v>700</v>
      </c>
      <c r="E47" s="33">
        <v>45956</v>
      </c>
      <c r="F47" s="33">
        <v>45956</v>
      </c>
      <c r="G47" s="13" t="s">
        <v>2238</v>
      </c>
      <c r="H47" s="13" t="s">
        <v>696</v>
      </c>
      <c r="I47" s="13" t="s">
        <v>701</v>
      </c>
      <c r="J47" s="13" t="s">
        <v>702</v>
      </c>
      <c r="K47" s="13" t="s">
        <v>577</v>
      </c>
      <c r="L47" s="17" t="s">
        <v>62</v>
      </c>
      <c r="M47" s="13" t="s">
        <v>703</v>
      </c>
      <c r="N47" s="159"/>
      <c r="O47" s="159"/>
    </row>
    <row r="48" spans="1:15" s="68" customFormat="1" ht="83.4" customHeight="1" x14ac:dyDescent="0.2">
      <c r="A48" s="15" t="s">
        <v>657</v>
      </c>
      <c r="B48" s="214" t="s">
        <v>725</v>
      </c>
      <c r="C48" s="15" t="s">
        <v>600</v>
      </c>
      <c r="D48" s="214" t="s">
        <v>726</v>
      </c>
      <c r="E48" s="33">
        <v>45956</v>
      </c>
      <c r="F48" s="33">
        <v>45956</v>
      </c>
      <c r="G48" s="13" t="s">
        <v>727</v>
      </c>
      <c r="H48" s="13" t="s">
        <v>707</v>
      </c>
      <c r="I48" s="13" t="s">
        <v>728</v>
      </c>
      <c r="J48" s="13" t="s">
        <v>717</v>
      </c>
      <c r="K48" s="13" t="s">
        <v>61</v>
      </c>
      <c r="L48" s="17" t="s">
        <v>62</v>
      </c>
      <c r="M48" s="13" t="s">
        <v>710</v>
      </c>
      <c r="N48" s="159"/>
      <c r="O48" s="159"/>
    </row>
    <row r="49" spans="1:15" s="68" customFormat="1" ht="83.4" customHeight="1" x14ac:dyDescent="0.2">
      <c r="A49" s="15" t="s">
        <v>657</v>
      </c>
      <c r="B49" s="214" t="s">
        <v>757</v>
      </c>
      <c r="C49" s="15" t="s">
        <v>55</v>
      </c>
      <c r="D49" s="214" t="s">
        <v>758</v>
      </c>
      <c r="E49" s="33">
        <v>45956</v>
      </c>
      <c r="F49" s="33">
        <v>45956</v>
      </c>
      <c r="G49" s="13" t="s">
        <v>756</v>
      </c>
      <c r="H49" s="13" t="s">
        <v>759</v>
      </c>
      <c r="I49" s="13" t="s">
        <v>760</v>
      </c>
      <c r="J49" s="13" t="s">
        <v>761</v>
      </c>
      <c r="K49" s="13" t="s">
        <v>61</v>
      </c>
      <c r="L49" s="17" t="s">
        <v>85</v>
      </c>
      <c r="M49" s="13" t="s">
        <v>756</v>
      </c>
      <c r="N49" s="159"/>
      <c r="O49" s="159"/>
    </row>
    <row r="50" spans="1:15" s="68" customFormat="1" ht="83.4" customHeight="1" x14ac:dyDescent="0.2">
      <c r="A50" s="15" t="s">
        <v>657</v>
      </c>
      <c r="B50" s="214" t="s">
        <v>740</v>
      </c>
      <c r="C50" s="15" t="s">
        <v>99</v>
      </c>
      <c r="D50" s="214" t="s">
        <v>741</v>
      </c>
      <c r="E50" s="33">
        <v>45962</v>
      </c>
      <c r="F50" s="33">
        <v>45962</v>
      </c>
      <c r="G50" s="13" t="s">
        <v>742</v>
      </c>
      <c r="H50" s="13" t="s">
        <v>2240</v>
      </c>
      <c r="I50" s="13" t="s">
        <v>743</v>
      </c>
      <c r="J50" s="13" t="s">
        <v>744</v>
      </c>
      <c r="K50" s="13" t="s">
        <v>61</v>
      </c>
      <c r="L50" s="17" t="s">
        <v>85</v>
      </c>
      <c r="M50" s="13" t="s">
        <v>745</v>
      </c>
      <c r="N50" s="159" t="s">
        <v>2281</v>
      </c>
      <c r="O50" s="159"/>
    </row>
    <row r="51" spans="1:15" s="68" customFormat="1" ht="96.6" customHeight="1" x14ac:dyDescent="0.2">
      <c r="A51" s="15" t="s">
        <v>657</v>
      </c>
      <c r="B51" s="214" t="s">
        <v>762</v>
      </c>
      <c r="C51" s="16" t="s">
        <v>99</v>
      </c>
      <c r="D51" s="214" t="s">
        <v>763</v>
      </c>
      <c r="E51" s="33">
        <v>45962</v>
      </c>
      <c r="F51" s="33">
        <v>45962</v>
      </c>
      <c r="G51" s="13" t="s">
        <v>756</v>
      </c>
      <c r="H51" s="13" t="s">
        <v>759</v>
      </c>
      <c r="I51" s="13" t="s">
        <v>764</v>
      </c>
      <c r="J51" s="13" t="s">
        <v>765</v>
      </c>
      <c r="K51" s="13" t="s">
        <v>70</v>
      </c>
      <c r="L51" s="17" t="s">
        <v>62</v>
      </c>
      <c r="M51" s="13" t="s">
        <v>756</v>
      </c>
      <c r="N51" s="159"/>
      <c r="O51" s="159"/>
    </row>
    <row r="52" spans="1:15" s="68" customFormat="1" ht="96.6" customHeight="1" x14ac:dyDescent="0.2">
      <c r="A52" s="15" t="s">
        <v>657</v>
      </c>
      <c r="B52" s="214" t="s">
        <v>721</v>
      </c>
      <c r="C52" s="16" t="s">
        <v>55</v>
      </c>
      <c r="D52" s="214" t="s">
        <v>722</v>
      </c>
      <c r="E52" s="33">
        <v>45963</v>
      </c>
      <c r="F52" s="33">
        <v>45964</v>
      </c>
      <c r="G52" s="13" t="s">
        <v>706</v>
      </c>
      <c r="H52" s="13" t="s">
        <v>707</v>
      </c>
      <c r="I52" s="13" t="s">
        <v>723</v>
      </c>
      <c r="J52" s="13" t="s">
        <v>724</v>
      </c>
      <c r="K52" s="13" t="s">
        <v>61</v>
      </c>
      <c r="L52" s="17" t="s">
        <v>62</v>
      </c>
      <c r="M52" s="13" t="s">
        <v>710</v>
      </c>
      <c r="N52" s="159"/>
      <c r="O52" s="159"/>
    </row>
    <row r="53" spans="1:15" s="68" customFormat="1" ht="96.6" customHeight="1" x14ac:dyDescent="0.2">
      <c r="A53" s="15" t="s">
        <v>657</v>
      </c>
      <c r="B53" s="214" t="s">
        <v>675</v>
      </c>
      <c r="C53" s="16" t="s">
        <v>55</v>
      </c>
      <c r="D53" s="214" t="s">
        <v>676</v>
      </c>
      <c r="E53" s="33">
        <v>45965</v>
      </c>
      <c r="F53" s="33">
        <v>45991</v>
      </c>
      <c r="G53" s="215" t="s">
        <v>667</v>
      </c>
      <c r="H53" s="13" t="s">
        <v>661</v>
      </c>
      <c r="I53" s="13" t="s">
        <v>662</v>
      </c>
      <c r="J53" s="13" t="s">
        <v>663</v>
      </c>
      <c r="K53" s="13" t="s">
        <v>70</v>
      </c>
      <c r="L53" s="17" t="s">
        <v>62</v>
      </c>
      <c r="M53" s="215" t="s">
        <v>664</v>
      </c>
      <c r="N53" s="159"/>
      <c r="O53" s="159"/>
    </row>
    <row r="54" spans="1:15" s="68" customFormat="1" ht="96.6" customHeight="1" x14ac:dyDescent="0.2">
      <c r="A54" s="15" t="s">
        <v>657</v>
      </c>
      <c r="B54" s="214" t="s">
        <v>677</v>
      </c>
      <c r="C54" s="16" t="s">
        <v>55</v>
      </c>
      <c r="D54" s="214" t="s">
        <v>678</v>
      </c>
      <c r="E54" s="33">
        <v>45969</v>
      </c>
      <c r="F54" s="33">
        <v>45969</v>
      </c>
      <c r="G54" s="215" t="s">
        <v>679</v>
      </c>
      <c r="H54" s="13" t="s">
        <v>661</v>
      </c>
      <c r="I54" s="13" t="s">
        <v>662</v>
      </c>
      <c r="J54" s="13" t="s">
        <v>663</v>
      </c>
      <c r="K54" s="13" t="s">
        <v>61</v>
      </c>
      <c r="L54" s="17" t="s">
        <v>62</v>
      </c>
      <c r="M54" s="215" t="s">
        <v>664</v>
      </c>
      <c r="N54" s="159"/>
      <c r="O54" s="159"/>
    </row>
    <row r="55" spans="1:15" s="68" customFormat="1" ht="96.6" customHeight="1" x14ac:dyDescent="0.2">
      <c r="A55" s="15" t="s">
        <v>657</v>
      </c>
      <c r="B55" s="214" t="s">
        <v>735</v>
      </c>
      <c r="C55" s="16" t="s">
        <v>55</v>
      </c>
      <c r="D55" s="214" t="s">
        <v>736</v>
      </c>
      <c r="E55" s="33">
        <v>45976</v>
      </c>
      <c r="F55" s="33">
        <v>45983</v>
      </c>
      <c r="G55" s="13" t="s">
        <v>734</v>
      </c>
      <c r="H55" s="13" t="s">
        <v>737</v>
      </c>
      <c r="I55" s="13" t="s">
        <v>738</v>
      </c>
      <c r="J55" s="13" t="s">
        <v>739</v>
      </c>
      <c r="K55" s="13" t="s">
        <v>61</v>
      </c>
      <c r="L55" s="17" t="s">
        <v>85</v>
      </c>
      <c r="M55" s="13" t="s">
        <v>734</v>
      </c>
      <c r="N55" s="159"/>
      <c r="O55" s="159"/>
    </row>
    <row r="56" spans="1:15" s="68" customFormat="1" ht="96.6" customHeight="1" x14ac:dyDescent="0.2">
      <c r="A56" s="15" t="s">
        <v>657</v>
      </c>
      <c r="B56" s="214" t="s">
        <v>766</v>
      </c>
      <c r="C56" s="16" t="s">
        <v>600</v>
      </c>
      <c r="D56" s="214" t="s">
        <v>767</v>
      </c>
      <c r="E56" s="33">
        <v>45977</v>
      </c>
      <c r="F56" s="33">
        <v>45977</v>
      </c>
      <c r="G56" s="13" t="s">
        <v>768</v>
      </c>
      <c r="H56" s="13" t="s">
        <v>769</v>
      </c>
      <c r="I56" s="13" t="s">
        <v>770</v>
      </c>
      <c r="J56" s="13" t="s">
        <v>771</v>
      </c>
      <c r="K56" s="13" t="s">
        <v>61</v>
      </c>
      <c r="L56" s="17" t="s">
        <v>62</v>
      </c>
      <c r="M56" s="13" t="s">
        <v>756</v>
      </c>
      <c r="N56" s="159"/>
      <c r="O56" s="159"/>
    </row>
    <row r="57" spans="1:15" s="68" customFormat="1" ht="63" customHeight="1" x14ac:dyDescent="0.2">
      <c r="A57" s="15" t="s">
        <v>208</v>
      </c>
      <c r="B57" s="214" t="s">
        <v>819</v>
      </c>
      <c r="C57" s="16" t="s">
        <v>55</v>
      </c>
      <c r="D57" s="214" t="s">
        <v>820</v>
      </c>
      <c r="E57" s="33">
        <v>45912</v>
      </c>
      <c r="F57" s="33">
        <v>45961</v>
      </c>
      <c r="G57" s="13" t="s">
        <v>821</v>
      </c>
      <c r="H57" s="13" t="s">
        <v>822</v>
      </c>
      <c r="I57" s="13" t="s">
        <v>823</v>
      </c>
      <c r="J57" s="13" t="s">
        <v>824</v>
      </c>
      <c r="K57" s="13" t="s">
        <v>70</v>
      </c>
      <c r="L57" s="17" t="s">
        <v>62</v>
      </c>
      <c r="M57" s="13" t="s">
        <v>821</v>
      </c>
      <c r="N57" s="159"/>
      <c r="O57" s="159"/>
    </row>
    <row r="58" spans="1:15" s="68" customFormat="1" ht="113.4" x14ac:dyDescent="0.2">
      <c r="A58" s="18" t="s">
        <v>208</v>
      </c>
      <c r="B58" s="18" t="s">
        <v>209</v>
      </c>
      <c r="C58" s="12" t="s">
        <v>99</v>
      </c>
      <c r="D58" s="18" t="s">
        <v>210</v>
      </c>
      <c r="E58" s="36">
        <v>45917</v>
      </c>
      <c r="F58" s="36">
        <v>45933</v>
      </c>
      <c r="G58" s="49" t="s">
        <v>211</v>
      </c>
      <c r="H58" s="49" t="s">
        <v>212</v>
      </c>
      <c r="I58" s="49" t="s">
        <v>213</v>
      </c>
      <c r="J58" s="49" t="s">
        <v>115</v>
      </c>
      <c r="K58" s="49" t="s">
        <v>214</v>
      </c>
      <c r="L58" s="21" t="s">
        <v>174</v>
      </c>
      <c r="M58" s="49" t="s">
        <v>211</v>
      </c>
      <c r="N58" s="159" t="s">
        <v>2282</v>
      </c>
      <c r="O58" s="159"/>
    </row>
    <row r="59" spans="1:15" s="68" customFormat="1" ht="113.4" x14ac:dyDescent="0.2">
      <c r="A59" s="18" t="s">
        <v>208</v>
      </c>
      <c r="B59" s="18" t="s">
        <v>1720</v>
      </c>
      <c r="C59" s="12" t="s">
        <v>55</v>
      </c>
      <c r="D59" s="18" t="s">
        <v>1735</v>
      </c>
      <c r="E59" s="36">
        <v>45927</v>
      </c>
      <c r="F59" s="36">
        <v>45927</v>
      </c>
      <c r="G59" s="49" t="s">
        <v>1736</v>
      </c>
      <c r="H59" s="13" t="s">
        <v>1737</v>
      </c>
      <c r="I59" s="49" t="s">
        <v>1738</v>
      </c>
      <c r="J59" s="49" t="s">
        <v>1739</v>
      </c>
      <c r="K59" s="49" t="s">
        <v>61</v>
      </c>
      <c r="L59" s="21" t="s">
        <v>62</v>
      </c>
      <c r="M59" s="49" t="s">
        <v>1740</v>
      </c>
      <c r="N59" s="159" t="s">
        <v>1748</v>
      </c>
      <c r="O59" s="159"/>
    </row>
    <row r="60" spans="1:15" s="68" customFormat="1" ht="59.4" customHeight="1" x14ac:dyDescent="0.2">
      <c r="A60" s="15" t="s">
        <v>208</v>
      </c>
      <c r="B60" s="214" t="s">
        <v>806</v>
      </c>
      <c r="C60" s="16" t="s">
        <v>99</v>
      </c>
      <c r="D60" s="214" t="s">
        <v>807</v>
      </c>
      <c r="E60" s="33">
        <v>45928</v>
      </c>
      <c r="F60" s="33">
        <v>45928</v>
      </c>
      <c r="G60" s="13" t="s">
        <v>808</v>
      </c>
      <c r="H60" s="13" t="s">
        <v>809</v>
      </c>
      <c r="I60" s="13" t="s">
        <v>810</v>
      </c>
      <c r="J60" s="13" t="s">
        <v>811</v>
      </c>
      <c r="K60" s="13" t="s">
        <v>70</v>
      </c>
      <c r="L60" s="17" t="s">
        <v>62</v>
      </c>
      <c r="M60" s="13" t="s">
        <v>810</v>
      </c>
      <c r="N60" s="159"/>
      <c r="O60" s="159"/>
    </row>
    <row r="61" spans="1:15" s="68" customFormat="1" ht="59.4" customHeight="1" x14ac:dyDescent="0.2">
      <c r="A61" s="15" t="s">
        <v>208</v>
      </c>
      <c r="B61" s="214" t="s">
        <v>825</v>
      </c>
      <c r="C61" s="16" t="s">
        <v>55</v>
      </c>
      <c r="D61" s="214" t="s">
        <v>826</v>
      </c>
      <c r="E61" s="33">
        <v>45928</v>
      </c>
      <c r="F61" s="33">
        <v>45928</v>
      </c>
      <c r="G61" s="13" t="s">
        <v>827</v>
      </c>
      <c r="H61" s="13" t="s">
        <v>822</v>
      </c>
      <c r="I61" s="13" t="s">
        <v>828</v>
      </c>
      <c r="J61" s="13" t="s">
        <v>829</v>
      </c>
      <c r="K61" s="13" t="s">
        <v>61</v>
      </c>
      <c r="L61" s="17" t="s">
        <v>62</v>
      </c>
      <c r="M61" s="13" t="s">
        <v>821</v>
      </c>
      <c r="N61" s="159"/>
      <c r="O61" s="159"/>
    </row>
    <row r="62" spans="1:15" s="68" customFormat="1" ht="89.4" customHeight="1" x14ac:dyDescent="0.2">
      <c r="A62" s="15" t="s">
        <v>208</v>
      </c>
      <c r="B62" s="214" t="s">
        <v>839</v>
      </c>
      <c r="C62" s="16" t="s">
        <v>600</v>
      </c>
      <c r="D62" s="214" t="s">
        <v>840</v>
      </c>
      <c r="E62" s="33">
        <v>45928</v>
      </c>
      <c r="F62" s="33">
        <v>45928</v>
      </c>
      <c r="G62" s="13" t="s">
        <v>841</v>
      </c>
      <c r="H62" s="13" t="s">
        <v>842</v>
      </c>
      <c r="I62" s="13" t="s">
        <v>843</v>
      </c>
      <c r="J62" s="13" t="s">
        <v>844</v>
      </c>
      <c r="K62" s="13" t="s">
        <v>61</v>
      </c>
      <c r="L62" s="17" t="s">
        <v>85</v>
      </c>
      <c r="M62" s="13" t="s">
        <v>845</v>
      </c>
      <c r="N62" s="159"/>
      <c r="O62" s="159"/>
    </row>
    <row r="63" spans="1:15" s="68" customFormat="1" ht="97.2" x14ac:dyDescent="0.2">
      <c r="A63" s="15" t="s">
        <v>38</v>
      </c>
      <c r="B63" s="15" t="s">
        <v>789</v>
      </c>
      <c r="C63" s="16" t="s">
        <v>55</v>
      </c>
      <c r="D63" s="15" t="s">
        <v>2162</v>
      </c>
      <c r="E63" s="33">
        <v>45933</v>
      </c>
      <c r="F63" s="33">
        <v>45933</v>
      </c>
      <c r="G63" s="13" t="s">
        <v>786</v>
      </c>
      <c r="H63" s="13" t="s">
        <v>787</v>
      </c>
      <c r="I63" s="13" t="s">
        <v>786</v>
      </c>
      <c r="J63" s="13" t="s">
        <v>790</v>
      </c>
      <c r="K63" s="13" t="s">
        <v>61</v>
      </c>
      <c r="L63" s="17" t="s">
        <v>85</v>
      </c>
      <c r="M63" s="13" t="s">
        <v>786</v>
      </c>
      <c r="N63" s="159" t="s">
        <v>2280</v>
      </c>
      <c r="O63" s="159"/>
    </row>
    <row r="64" spans="1:15" s="68" customFormat="1" ht="65.400000000000006" customHeight="1" x14ac:dyDescent="0.2">
      <c r="A64" s="15" t="s">
        <v>208</v>
      </c>
      <c r="B64" s="214" t="s">
        <v>797</v>
      </c>
      <c r="C64" s="16" t="s">
        <v>55</v>
      </c>
      <c r="D64" s="214" t="s">
        <v>798</v>
      </c>
      <c r="E64" s="33">
        <v>45934</v>
      </c>
      <c r="F64" s="33">
        <v>45934</v>
      </c>
      <c r="G64" s="13" t="s">
        <v>799</v>
      </c>
      <c r="H64" s="13" t="s">
        <v>791</v>
      </c>
      <c r="I64" s="13" t="s">
        <v>800</v>
      </c>
      <c r="J64" s="13" t="s">
        <v>801</v>
      </c>
      <c r="K64" s="13" t="s">
        <v>70</v>
      </c>
      <c r="L64" s="17" t="s">
        <v>62</v>
      </c>
      <c r="M64" s="13" t="s">
        <v>794</v>
      </c>
      <c r="N64" s="159"/>
      <c r="O64" s="159"/>
    </row>
    <row r="65" spans="1:15" s="68" customFormat="1" ht="112.95" customHeight="1" x14ac:dyDescent="0.2">
      <c r="A65" s="15" t="s">
        <v>208</v>
      </c>
      <c r="B65" s="214" t="s">
        <v>853</v>
      </c>
      <c r="C65" s="16" t="s">
        <v>600</v>
      </c>
      <c r="D65" s="214" t="s">
        <v>854</v>
      </c>
      <c r="E65" s="33">
        <v>45935</v>
      </c>
      <c r="F65" s="33">
        <v>45935</v>
      </c>
      <c r="G65" s="13" t="s">
        <v>855</v>
      </c>
      <c r="H65" s="13" t="s">
        <v>2242</v>
      </c>
      <c r="I65" s="13" t="s">
        <v>857</v>
      </c>
      <c r="J65" s="13" t="s">
        <v>858</v>
      </c>
      <c r="K65" s="13" t="s">
        <v>61</v>
      </c>
      <c r="L65" s="17" t="s">
        <v>85</v>
      </c>
      <c r="M65" s="13" t="s">
        <v>859</v>
      </c>
      <c r="N65" s="159"/>
      <c r="O65" s="159"/>
    </row>
    <row r="66" spans="1:15" s="68" customFormat="1" ht="112.95" customHeight="1" x14ac:dyDescent="0.2">
      <c r="A66" s="15" t="s">
        <v>208</v>
      </c>
      <c r="B66" s="214" t="s">
        <v>870</v>
      </c>
      <c r="C66" s="16" t="s">
        <v>600</v>
      </c>
      <c r="D66" s="214" t="s">
        <v>871</v>
      </c>
      <c r="E66" s="33">
        <v>45935</v>
      </c>
      <c r="F66" s="33">
        <v>45935</v>
      </c>
      <c r="G66" s="13" t="s">
        <v>872</v>
      </c>
      <c r="H66" s="13" t="s">
        <v>856</v>
      </c>
      <c r="I66" s="13" t="s">
        <v>873</v>
      </c>
      <c r="J66" s="13" t="s">
        <v>874</v>
      </c>
      <c r="K66" s="13" t="s">
        <v>61</v>
      </c>
      <c r="L66" s="17" t="s">
        <v>85</v>
      </c>
      <c r="M66" s="13" t="s">
        <v>875</v>
      </c>
      <c r="N66" s="159"/>
      <c r="O66" s="159"/>
    </row>
    <row r="67" spans="1:15" s="68" customFormat="1" ht="112.95" customHeight="1" x14ac:dyDescent="0.2">
      <c r="A67" s="15" t="s">
        <v>208</v>
      </c>
      <c r="B67" s="214" t="s">
        <v>772</v>
      </c>
      <c r="C67" s="16" t="s">
        <v>42</v>
      </c>
      <c r="D67" s="15" t="s">
        <v>773</v>
      </c>
      <c r="E67" s="33">
        <v>45942</v>
      </c>
      <c r="F67" s="33">
        <v>45942</v>
      </c>
      <c r="G67" s="215" t="s">
        <v>774</v>
      </c>
      <c r="H67" s="13" t="s">
        <v>775</v>
      </c>
      <c r="I67" s="13" t="s">
        <v>662</v>
      </c>
      <c r="J67" s="13" t="s">
        <v>663</v>
      </c>
      <c r="K67" s="13" t="s">
        <v>61</v>
      </c>
      <c r="L67" s="17" t="s">
        <v>85</v>
      </c>
      <c r="M67" s="13" t="s">
        <v>776</v>
      </c>
      <c r="N67" s="159"/>
      <c r="O67" s="159"/>
    </row>
    <row r="68" spans="1:15" s="68" customFormat="1" ht="112.95" customHeight="1" x14ac:dyDescent="0.2">
      <c r="A68" s="15" t="s">
        <v>208</v>
      </c>
      <c r="B68" s="214" t="s">
        <v>815</v>
      </c>
      <c r="C68" s="16" t="s">
        <v>55</v>
      </c>
      <c r="D68" s="214" t="s">
        <v>816</v>
      </c>
      <c r="E68" s="33">
        <v>45942</v>
      </c>
      <c r="F68" s="33">
        <v>45942</v>
      </c>
      <c r="G68" s="13" t="s">
        <v>817</v>
      </c>
      <c r="H68" s="13" t="s">
        <v>809</v>
      </c>
      <c r="I68" s="13" t="s">
        <v>810</v>
      </c>
      <c r="J68" s="13" t="s">
        <v>818</v>
      </c>
      <c r="K68" s="13" t="s">
        <v>61</v>
      </c>
      <c r="L68" s="17" t="s">
        <v>85</v>
      </c>
      <c r="M68" s="13" t="s">
        <v>810</v>
      </c>
      <c r="N68" s="159"/>
      <c r="O68" s="159"/>
    </row>
    <row r="69" spans="1:15" s="68" customFormat="1" ht="112.95" customHeight="1" x14ac:dyDescent="0.2">
      <c r="A69" s="15" t="s">
        <v>208</v>
      </c>
      <c r="B69" s="214" t="s">
        <v>830</v>
      </c>
      <c r="C69" s="16" t="s">
        <v>600</v>
      </c>
      <c r="D69" s="214" t="s">
        <v>831</v>
      </c>
      <c r="E69" s="33">
        <v>45942</v>
      </c>
      <c r="F69" s="33">
        <v>45942</v>
      </c>
      <c r="G69" s="13" t="s">
        <v>832</v>
      </c>
      <c r="H69" s="13" t="s">
        <v>822</v>
      </c>
      <c r="I69" s="13" t="s">
        <v>833</v>
      </c>
      <c r="J69" s="13" t="s">
        <v>829</v>
      </c>
      <c r="K69" s="13" t="s">
        <v>61</v>
      </c>
      <c r="L69" s="17" t="s">
        <v>62</v>
      </c>
      <c r="M69" s="13" t="s">
        <v>821</v>
      </c>
      <c r="N69" s="159"/>
      <c r="O69" s="159"/>
    </row>
    <row r="70" spans="1:15" s="68" customFormat="1" ht="112.95" customHeight="1" x14ac:dyDescent="0.2">
      <c r="A70" s="15" t="s">
        <v>208</v>
      </c>
      <c r="B70" s="214" t="s">
        <v>802</v>
      </c>
      <c r="C70" s="16" t="s">
        <v>99</v>
      </c>
      <c r="D70" s="214" t="s">
        <v>803</v>
      </c>
      <c r="E70" s="33">
        <v>45949</v>
      </c>
      <c r="F70" s="33">
        <v>45949</v>
      </c>
      <c r="G70" s="13" t="s">
        <v>804</v>
      </c>
      <c r="H70" s="13" t="s">
        <v>791</v>
      </c>
      <c r="I70" s="13" t="s">
        <v>805</v>
      </c>
      <c r="J70" s="13" t="s">
        <v>60</v>
      </c>
      <c r="K70" s="13" t="s">
        <v>70</v>
      </c>
      <c r="L70" s="17" t="s">
        <v>62</v>
      </c>
      <c r="M70" s="13" t="s">
        <v>794</v>
      </c>
      <c r="N70" s="159"/>
      <c r="O70" s="159"/>
    </row>
    <row r="71" spans="1:15" s="68" customFormat="1" ht="112.95" customHeight="1" x14ac:dyDescent="0.2">
      <c r="A71" s="15" t="s">
        <v>208</v>
      </c>
      <c r="B71" s="214" t="s">
        <v>846</v>
      </c>
      <c r="C71" s="16" t="s">
        <v>600</v>
      </c>
      <c r="D71" s="214" t="s">
        <v>847</v>
      </c>
      <c r="E71" s="33">
        <v>45949</v>
      </c>
      <c r="F71" s="33">
        <v>45949</v>
      </c>
      <c r="G71" s="13" t="s">
        <v>845</v>
      </c>
      <c r="H71" s="13" t="s">
        <v>842</v>
      </c>
      <c r="I71" s="13" t="s">
        <v>848</v>
      </c>
      <c r="J71" s="13" t="s">
        <v>849</v>
      </c>
      <c r="K71" s="13" t="s">
        <v>61</v>
      </c>
      <c r="L71" s="17" t="s">
        <v>62</v>
      </c>
      <c r="M71" s="13" t="s">
        <v>845</v>
      </c>
      <c r="N71" s="159"/>
      <c r="O71" s="159"/>
    </row>
    <row r="72" spans="1:15" s="68" customFormat="1" ht="112.95" customHeight="1" x14ac:dyDescent="0.2">
      <c r="A72" s="15" t="s">
        <v>208</v>
      </c>
      <c r="B72" s="214" t="s">
        <v>779</v>
      </c>
      <c r="C72" s="16" t="s">
        <v>55</v>
      </c>
      <c r="D72" s="214" t="s">
        <v>780</v>
      </c>
      <c r="E72" s="33">
        <v>45953</v>
      </c>
      <c r="F72" s="33">
        <v>45953</v>
      </c>
      <c r="G72" s="215" t="s">
        <v>781</v>
      </c>
      <c r="H72" s="13" t="s">
        <v>782</v>
      </c>
      <c r="I72" s="13" t="s">
        <v>662</v>
      </c>
      <c r="J72" s="13" t="s">
        <v>663</v>
      </c>
      <c r="K72" s="13" t="s">
        <v>61</v>
      </c>
      <c r="L72" s="17" t="s">
        <v>62</v>
      </c>
      <c r="M72" s="13" t="s">
        <v>783</v>
      </c>
      <c r="N72" s="159"/>
      <c r="O72" s="159"/>
    </row>
    <row r="73" spans="1:15" s="68" customFormat="1" ht="112.95" customHeight="1" x14ac:dyDescent="0.2">
      <c r="A73" s="15" t="s">
        <v>208</v>
      </c>
      <c r="B73" s="214" t="s">
        <v>860</v>
      </c>
      <c r="C73" s="16" t="s">
        <v>600</v>
      </c>
      <c r="D73" s="214" t="s">
        <v>861</v>
      </c>
      <c r="E73" s="33">
        <v>45956</v>
      </c>
      <c r="F73" s="33">
        <v>45956</v>
      </c>
      <c r="G73" s="13" t="s">
        <v>862</v>
      </c>
      <c r="H73" s="13" t="s">
        <v>2242</v>
      </c>
      <c r="I73" s="13" t="s">
        <v>859</v>
      </c>
      <c r="J73" s="13" t="s">
        <v>858</v>
      </c>
      <c r="K73" s="13" t="s">
        <v>61</v>
      </c>
      <c r="L73" s="17" t="s">
        <v>85</v>
      </c>
      <c r="M73" s="13" t="s">
        <v>859</v>
      </c>
      <c r="N73" s="159"/>
      <c r="O73" s="159"/>
    </row>
    <row r="74" spans="1:15" s="68" customFormat="1" ht="113.4" x14ac:dyDescent="0.2">
      <c r="A74" s="14" t="s">
        <v>208</v>
      </c>
      <c r="B74" s="48" t="s">
        <v>1758</v>
      </c>
      <c r="C74" s="16" t="s">
        <v>600</v>
      </c>
      <c r="D74" s="18" t="s">
        <v>1759</v>
      </c>
      <c r="E74" s="33">
        <v>45956</v>
      </c>
      <c r="F74" s="33">
        <v>45956</v>
      </c>
      <c r="G74" s="13" t="s">
        <v>1752</v>
      </c>
      <c r="H74" s="13" t="s">
        <v>1737</v>
      </c>
      <c r="I74" s="49" t="s">
        <v>1738</v>
      </c>
      <c r="J74" s="13" t="s">
        <v>1747</v>
      </c>
      <c r="K74" s="13" t="s">
        <v>70</v>
      </c>
      <c r="L74" s="17" t="s">
        <v>62</v>
      </c>
      <c r="M74" s="13" t="s">
        <v>1740</v>
      </c>
      <c r="N74" s="159" t="s">
        <v>1748</v>
      </c>
      <c r="O74" s="159"/>
    </row>
    <row r="75" spans="1:15" s="68" customFormat="1" ht="97.2" x14ac:dyDescent="0.2">
      <c r="A75" s="15" t="s">
        <v>208</v>
      </c>
      <c r="B75" s="15" t="s">
        <v>784</v>
      </c>
      <c r="C75" s="16" t="s">
        <v>55</v>
      </c>
      <c r="D75" s="15" t="s">
        <v>785</v>
      </c>
      <c r="E75" s="33">
        <v>45957</v>
      </c>
      <c r="F75" s="33">
        <v>45970</v>
      </c>
      <c r="G75" s="13" t="s">
        <v>786</v>
      </c>
      <c r="H75" s="13" t="s">
        <v>787</v>
      </c>
      <c r="I75" s="13" t="s">
        <v>786</v>
      </c>
      <c r="J75" s="13" t="s">
        <v>554</v>
      </c>
      <c r="K75" s="13" t="s">
        <v>61</v>
      </c>
      <c r="L75" s="17" t="s">
        <v>85</v>
      </c>
      <c r="M75" s="13" t="s">
        <v>786</v>
      </c>
      <c r="N75" s="159" t="s">
        <v>2280</v>
      </c>
      <c r="O75" s="159"/>
    </row>
    <row r="76" spans="1:15" s="68" customFormat="1" ht="118.95" customHeight="1" x14ac:dyDescent="0.2">
      <c r="A76" s="15" t="s">
        <v>208</v>
      </c>
      <c r="B76" s="214" t="s">
        <v>795</v>
      </c>
      <c r="C76" s="16" t="s">
        <v>600</v>
      </c>
      <c r="D76" s="214" t="s">
        <v>796</v>
      </c>
      <c r="E76" s="33">
        <v>45962</v>
      </c>
      <c r="F76" s="33">
        <v>45962</v>
      </c>
      <c r="G76" s="13" t="s">
        <v>2237</v>
      </c>
      <c r="H76" s="13" t="s">
        <v>791</v>
      </c>
      <c r="I76" s="13" t="s">
        <v>792</v>
      </c>
      <c r="J76" s="13" t="s">
        <v>793</v>
      </c>
      <c r="K76" s="13" t="s">
        <v>577</v>
      </c>
      <c r="L76" s="17" t="s">
        <v>62</v>
      </c>
      <c r="M76" s="13" t="s">
        <v>794</v>
      </c>
      <c r="N76" s="159"/>
      <c r="O76" s="159"/>
    </row>
    <row r="77" spans="1:15" s="68" customFormat="1" ht="118.95" customHeight="1" x14ac:dyDescent="0.2">
      <c r="A77" s="15" t="s">
        <v>208</v>
      </c>
      <c r="B77" s="214" t="s">
        <v>850</v>
      </c>
      <c r="C77" s="16" t="s">
        <v>99</v>
      </c>
      <c r="D77" s="214" t="s">
        <v>851</v>
      </c>
      <c r="E77" s="33">
        <v>45962</v>
      </c>
      <c r="F77" s="33">
        <v>45963</v>
      </c>
      <c r="G77" s="13" t="s">
        <v>845</v>
      </c>
      <c r="H77" s="13" t="s">
        <v>842</v>
      </c>
      <c r="I77" s="13" t="s">
        <v>852</v>
      </c>
      <c r="J77" s="13" t="s">
        <v>60</v>
      </c>
      <c r="K77" s="13" t="s">
        <v>61</v>
      </c>
      <c r="L77" s="17" t="s">
        <v>85</v>
      </c>
      <c r="M77" s="13" t="s">
        <v>845</v>
      </c>
      <c r="N77" s="159"/>
      <c r="O77" s="159"/>
    </row>
    <row r="78" spans="1:15" s="68" customFormat="1" ht="39.6" x14ac:dyDescent="0.2">
      <c r="A78" s="15" t="s">
        <v>208</v>
      </c>
      <c r="B78" s="214" t="s">
        <v>834</v>
      </c>
      <c r="C78" s="16" t="s">
        <v>55</v>
      </c>
      <c r="D78" s="214" t="s">
        <v>835</v>
      </c>
      <c r="E78" s="33">
        <v>45963</v>
      </c>
      <c r="F78" s="33">
        <v>45963</v>
      </c>
      <c r="G78" s="13" t="s">
        <v>827</v>
      </c>
      <c r="H78" s="13" t="s">
        <v>822</v>
      </c>
      <c r="I78" s="13" t="s">
        <v>828</v>
      </c>
      <c r="J78" s="13" t="s">
        <v>829</v>
      </c>
      <c r="K78" s="13" t="s">
        <v>70</v>
      </c>
      <c r="L78" s="17" t="s">
        <v>62</v>
      </c>
      <c r="M78" s="13" t="s">
        <v>821</v>
      </c>
      <c r="N78" s="159"/>
      <c r="O78" s="159"/>
    </row>
    <row r="79" spans="1:15" s="68" customFormat="1" ht="39.6" x14ac:dyDescent="0.2">
      <c r="A79" s="15" t="s">
        <v>208</v>
      </c>
      <c r="B79" s="15" t="s">
        <v>777</v>
      </c>
      <c r="C79" s="16" t="s">
        <v>55</v>
      </c>
      <c r="D79" s="15" t="s">
        <v>778</v>
      </c>
      <c r="E79" s="33">
        <v>45964</v>
      </c>
      <c r="F79" s="33">
        <v>45964</v>
      </c>
      <c r="G79" s="215" t="s">
        <v>774</v>
      </c>
      <c r="H79" s="13" t="s">
        <v>775</v>
      </c>
      <c r="I79" s="13" t="s">
        <v>662</v>
      </c>
      <c r="J79" s="13" t="s">
        <v>663</v>
      </c>
      <c r="K79" s="13" t="s">
        <v>61</v>
      </c>
      <c r="L79" s="17" t="s">
        <v>85</v>
      </c>
      <c r="M79" s="13" t="s">
        <v>776</v>
      </c>
      <c r="N79" s="159"/>
      <c r="O79" s="159"/>
    </row>
    <row r="80" spans="1:15" s="68" customFormat="1" ht="129.6" x14ac:dyDescent="0.2">
      <c r="A80" s="18" t="s">
        <v>38</v>
      </c>
      <c r="B80" s="18" t="s">
        <v>216</v>
      </c>
      <c r="C80" s="12" t="s">
        <v>99</v>
      </c>
      <c r="D80" s="18" t="s">
        <v>217</v>
      </c>
      <c r="E80" s="36">
        <v>45967</v>
      </c>
      <c r="F80" s="36">
        <v>45976</v>
      </c>
      <c r="G80" s="49" t="s">
        <v>211</v>
      </c>
      <c r="H80" s="49" t="s">
        <v>212</v>
      </c>
      <c r="I80" s="49" t="s">
        <v>218</v>
      </c>
      <c r="J80" s="49" t="s">
        <v>115</v>
      </c>
      <c r="K80" s="49" t="s">
        <v>214</v>
      </c>
      <c r="L80" s="21" t="s">
        <v>174</v>
      </c>
      <c r="M80" s="49" t="s">
        <v>211</v>
      </c>
      <c r="N80" s="159" t="s">
        <v>2283</v>
      </c>
      <c r="O80" s="159"/>
    </row>
    <row r="81" spans="1:15" s="68" customFormat="1" ht="121.95" customHeight="1" x14ac:dyDescent="0.2">
      <c r="A81" s="15" t="s">
        <v>208</v>
      </c>
      <c r="B81" s="214" t="s">
        <v>772</v>
      </c>
      <c r="C81" s="16" t="s">
        <v>42</v>
      </c>
      <c r="D81" s="15" t="s">
        <v>773</v>
      </c>
      <c r="E81" s="33">
        <v>45970</v>
      </c>
      <c r="F81" s="33">
        <v>45970</v>
      </c>
      <c r="G81" s="215" t="s">
        <v>774</v>
      </c>
      <c r="H81" s="13" t="s">
        <v>775</v>
      </c>
      <c r="I81" s="13" t="s">
        <v>662</v>
      </c>
      <c r="J81" s="13" t="s">
        <v>663</v>
      </c>
      <c r="K81" s="13" t="s">
        <v>61</v>
      </c>
      <c r="L81" s="17" t="s">
        <v>85</v>
      </c>
      <c r="M81" s="13" t="s">
        <v>776</v>
      </c>
      <c r="N81" s="159"/>
      <c r="O81" s="159"/>
    </row>
    <row r="82" spans="1:15" s="68" customFormat="1" ht="121.95" customHeight="1" x14ac:dyDescent="0.2">
      <c r="A82" s="15" t="s">
        <v>208</v>
      </c>
      <c r="B82" s="214" t="s">
        <v>836</v>
      </c>
      <c r="C82" s="16" t="s">
        <v>55</v>
      </c>
      <c r="D82" s="214" t="s">
        <v>837</v>
      </c>
      <c r="E82" s="33">
        <v>45970</v>
      </c>
      <c r="F82" s="33">
        <v>45970</v>
      </c>
      <c r="G82" s="13" t="s">
        <v>827</v>
      </c>
      <c r="H82" s="13" t="s">
        <v>822</v>
      </c>
      <c r="I82" s="13" t="s">
        <v>838</v>
      </c>
      <c r="J82" s="13" t="s">
        <v>829</v>
      </c>
      <c r="K82" s="13" t="s">
        <v>61</v>
      </c>
      <c r="L82" s="17" t="s">
        <v>85</v>
      </c>
      <c r="M82" s="13" t="s">
        <v>821</v>
      </c>
      <c r="N82" s="159"/>
      <c r="O82" s="159"/>
    </row>
    <row r="83" spans="1:15" s="68" customFormat="1" ht="121.95" customHeight="1" x14ac:dyDescent="0.2">
      <c r="A83" s="15" t="s">
        <v>208</v>
      </c>
      <c r="B83" s="214" t="s">
        <v>863</v>
      </c>
      <c r="C83" s="16" t="s">
        <v>600</v>
      </c>
      <c r="D83" s="214" t="s">
        <v>864</v>
      </c>
      <c r="E83" s="33">
        <v>45970</v>
      </c>
      <c r="F83" s="33">
        <v>45970</v>
      </c>
      <c r="G83" s="13" t="s">
        <v>865</v>
      </c>
      <c r="H83" s="13" t="s">
        <v>2242</v>
      </c>
      <c r="I83" s="13" t="s">
        <v>859</v>
      </c>
      <c r="J83" s="13" t="s">
        <v>858</v>
      </c>
      <c r="K83" s="13" t="s">
        <v>61</v>
      </c>
      <c r="L83" s="17" t="s">
        <v>62</v>
      </c>
      <c r="M83" s="13" t="s">
        <v>859</v>
      </c>
      <c r="N83" s="159"/>
      <c r="O83" s="159"/>
    </row>
    <row r="84" spans="1:15" s="68" customFormat="1" ht="121.95" customHeight="1" x14ac:dyDescent="0.2">
      <c r="A84" s="15" t="s">
        <v>208</v>
      </c>
      <c r="B84" s="214" t="s">
        <v>812</v>
      </c>
      <c r="C84" s="16" t="s">
        <v>99</v>
      </c>
      <c r="D84" s="214" t="s">
        <v>813</v>
      </c>
      <c r="E84" s="33">
        <v>45977</v>
      </c>
      <c r="F84" s="33">
        <v>45977</v>
      </c>
      <c r="G84" s="13" t="s">
        <v>808</v>
      </c>
      <c r="H84" s="13" t="s">
        <v>809</v>
      </c>
      <c r="I84" s="13" t="s">
        <v>810</v>
      </c>
      <c r="J84" s="13" t="s">
        <v>814</v>
      </c>
      <c r="K84" s="13" t="s">
        <v>70</v>
      </c>
      <c r="L84" s="17" t="s">
        <v>62</v>
      </c>
      <c r="M84" s="13" t="s">
        <v>810</v>
      </c>
      <c r="N84" s="159"/>
      <c r="O84" s="159"/>
    </row>
    <row r="85" spans="1:15" s="68" customFormat="1" ht="121.95" customHeight="1" x14ac:dyDescent="0.2">
      <c r="A85" s="15" t="s">
        <v>208</v>
      </c>
      <c r="B85" s="214" t="s">
        <v>866</v>
      </c>
      <c r="C85" s="16" t="s">
        <v>99</v>
      </c>
      <c r="D85" s="214" t="s">
        <v>867</v>
      </c>
      <c r="E85" s="33">
        <v>45977</v>
      </c>
      <c r="F85" s="33">
        <v>45977</v>
      </c>
      <c r="G85" s="13" t="s">
        <v>868</v>
      </c>
      <c r="H85" s="13" t="s">
        <v>2242</v>
      </c>
      <c r="I85" s="13" t="s">
        <v>869</v>
      </c>
      <c r="J85" s="13" t="s">
        <v>858</v>
      </c>
      <c r="K85" s="13" t="s">
        <v>70</v>
      </c>
      <c r="L85" s="17" t="s">
        <v>62</v>
      </c>
      <c r="M85" s="13" t="s">
        <v>859</v>
      </c>
      <c r="N85" s="159"/>
      <c r="O85" s="159"/>
    </row>
    <row r="86" spans="1:15" s="68" customFormat="1" ht="113.4" x14ac:dyDescent="0.2">
      <c r="A86" s="18" t="s">
        <v>208</v>
      </c>
      <c r="B86" s="18" t="s">
        <v>1745</v>
      </c>
      <c r="C86" s="12" t="s">
        <v>55</v>
      </c>
      <c r="D86" s="18" t="s">
        <v>1746</v>
      </c>
      <c r="E86" s="36">
        <v>45977</v>
      </c>
      <c r="F86" s="36">
        <v>45977</v>
      </c>
      <c r="G86" s="49" t="s">
        <v>1736</v>
      </c>
      <c r="H86" s="13" t="s">
        <v>1737</v>
      </c>
      <c r="I86" s="49" t="s">
        <v>1738</v>
      </c>
      <c r="J86" s="49" t="s">
        <v>1747</v>
      </c>
      <c r="K86" s="49" t="s">
        <v>61</v>
      </c>
      <c r="L86" s="21" t="s">
        <v>62</v>
      </c>
      <c r="M86" s="49" t="s">
        <v>1740</v>
      </c>
      <c r="N86" s="159" t="s">
        <v>1748</v>
      </c>
      <c r="O86" s="159"/>
    </row>
    <row r="87" spans="1:15" s="68" customFormat="1" ht="113.4" x14ac:dyDescent="0.2">
      <c r="A87" s="18" t="s">
        <v>208</v>
      </c>
      <c r="B87" s="18" t="s">
        <v>1742</v>
      </c>
      <c r="C87" s="12" t="s">
        <v>600</v>
      </c>
      <c r="D87" s="18" t="s">
        <v>1743</v>
      </c>
      <c r="E87" s="45" t="s">
        <v>1744</v>
      </c>
      <c r="F87" s="45" t="s">
        <v>1744</v>
      </c>
      <c r="G87" s="49" t="s">
        <v>1736</v>
      </c>
      <c r="H87" s="13" t="s">
        <v>1737</v>
      </c>
      <c r="I87" s="49" t="s">
        <v>1738</v>
      </c>
      <c r="J87" s="49" t="s">
        <v>1222</v>
      </c>
      <c r="K87" s="49" t="s">
        <v>61</v>
      </c>
      <c r="L87" s="21" t="s">
        <v>85</v>
      </c>
      <c r="M87" s="49" t="s">
        <v>1740</v>
      </c>
      <c r="N87" s="159" t="s">
        <v>1748</v>
      </c>
      <c r="O87" s="159"/>
    </row>
    <row r="88" spans="1:15" s="68" customFormat="1" ht="113.4" x14ac:dyDescent="0.2">
      <c r="A88" s="14" t="s">
        <v>208</v>
      </c>
      <c r="B88" s="48" t="s">
        <v>1754</v>
      </c>
      <c r="C88" s="16" t="s">
        <v>600</v>
      </c>
      <c r="D88" s="31" t="s">
        <v>1755</v>
      </c>
      <c r="E88" s="38" t="s">
        <v>1756</v>
      </c>
      <c r="F88" s="38" t="s">
        <v>1756</v>
      </c>
      <c r="G88" s="13" t="s">
        <v>1752</v>
      </c>
      <c r="H88" s="13" t="s">
        <v>1737</v>
      </c>
      <c r="I88" s="49" t="s">
        <v>1738</v>
      </c>
      <c r="J88" s="13" t="s">
        <v>1757</v>
      </c>
      <c r="K88" s="13" t="s">
        <v>61</v>
      </c>
      <c r="L88" s="17" t="s">
        <v>85</v>
      </c>
      <c r="M88" s="13" t="s">
        <v>1740</v>
      </c>
      <c r="N88" s="159" t="s">
        <v>1748</v>
      </c>
      <c r="O88" s="159"/>
    </row>
    <row r="89" spans="1:15" s="68" customFormat="1" ht="113.4" x14ac:dyDescent="0.2">
      <c r="A89" s="14" t="s">
        <v>208</v>
      </c>
      <c r="B89" s="48" t="s">
        <v>1749</v>
      </c>
      <c r="C89" s="16" t="s">
        <v>600</v>
      </c>
      <c r="D89" s="14" t="s">
        <v>1750</v>
      </c>
      <c r="E89" s="38" t="s">
        <v>1751</v>
      </c>
      <c r="F89" s="38" t="s">
        <v>1751</v>
      </c>
      <c r="G89" s="13" t="s">
        <v>1752</v>
      </c>
      <c r="H89" s="13" t="s">
        <v>1737</v>
      </c>
      <c r="I89" s="49" t="s">
        <v>1738</v>
      </c>
      <c r="J89" s="13" t="s">
        <v>1753</v>
      </c>
      <c r="K89" s="13" t="s">
        <v>70</v>
      </c>
      <c r="L89" s="17" t="s">
        <v>62</v>
      </c>
      <c r="M89" s="13" t="s">
        <v>1740</v>
      </c>
      <c r="N89" s="159" t="s">
        <v>1748</v>
      </c>
      <c r="O89" s="159"/>
    </row>
  </sheetData>
  <autoFilter ref="A2:N89">
    <sortState ref="A4:N30">
      <sortCondition ref="E2:E89"/>
    </sortState>
  </autoFilter>
  <mergeCells count="1">
    <mergeCell ref="A1:N1"/>
  </mergeCells>
  <phoneticPr fontId="17"/>
  <dataValidations count="3">
    <dataValidation type="list" allowBlank="1" showInputMessage="1" showErrorMessage="1" sqref="K3:K89">
      <formula1>"有料,無料,その他"</formula1>
    </dataValidation>
    <dataValidation type="list" allowBlank="1" showInputMessage="1" showErrorMessage="1" sqref="L4">
      <formula1>"要,不要"</formula1>
    </dataValidation>
    <dataValidation imeMode="disabled" allowBlank="1" showInputMessage="1" showErrorMessage="1" sqref="O4 E4:F4"/>
  </dataValidations>
  <hyperlinks>
    <hyperlink ref="N3" r:id="rId1"/>
    <hyperlink ref="N4" r:id="rId2"/>
    <hyperlink ref="N21" r:id="rId3"/>
    <hyperlink ref="N6" r:id="rId4"/>
    <hyperlink ref="N7" r:id="rId5"/>
    <hyperlink ref="N8" r:id="rId6"/>
    <hyperlink ref="N9" r:id="rId7"/>
    <hyperlink ref="N11" r:id="rId8"/>
    <hyperlink ref="N17" r:id="rId9"/>
    <hyperlink ref="N19" r:id="rId10"/>
    <hyperlink ref="N22" r:id="rId11"/>
    <hyperlink ref="N25" r:id="rId12"/>
    <hyperlink ref="N23" r:id="rId13"/>
    <hyperlink ref="N26" r:id="rId14"/>
    <hyperlink ref="N29" r:id="rId15" display="https://www.fujino-art.jp/"/>
    <hyperlink ref="N30" r:id="rId16" display="https://www.fujino-art.jp/"/>
    <hyperlink ref="N35" r:id="rId17" display="https://www.lib.sagamihara.kanagawa.jp/"/>
    <hyperlink ref="N58" r:id="rId18"/>
    <hyperlink ref="N59" r:id="rId19"/>
    <hyperlink ref="N63" r:id="rId20" display="https://www.lib.sagamihara.kanagawa.jp/"/>
    <hyperlink ref="N74" r:id="rId21"/>
    <hyperlink ref="N75" r:id="rId22" display="https://www.lib.sagamihara.kanagawa.jp/"/>
    <hyperlink ref="N80" r:id="rId23"/>
    <hyperlink ref="N86" r:id="rId24"/>
    <hyperlink ref="N87" r:id="rId25"/>
    <hyperlink ref="N88" r:id="rId26"/>
    <hyperlink ref="N89" r:id="rId27"/>
    <hyperlink ref="N20" r:id="rId28"/>
  </hyperlinks>
  <pageMargins left="0.23622047244094491" right="0.23622047244094491" top="0.74803149606299213" bottom="0.74803149606299213" header="0.31496062992125984" footer="0.31496062992125984"/>
  <pageSetup paperSize="8" scale="74" fitToHeight="0" orientation="portrait" r:id="rId29"/>
  <extLst>
    <ext xmlns:x14="http://schemas.microsoft.com/office/spreadsheetml/2009/9/main" uri="{CCE6A557-97BC-4b89-ADB6-D9C93CAAB3DF}">
      <x14:dataValidations xmlns:xm="http://schemas.microsoft.com/office/excel/2006/main" count="2">
        <x14:dataValidation type="list" allowBlank="1" showInputMessage="1" showErrorMessage="1">
          <x14:formula1>
            <xm:f>'\\kfs01\s4001\04_教育ビジョン・広報グループ\05_かながわ教育ビジョン\03_かながわ教育月間\01_かながわ教育月間\01_かながわ教育月間イベント照会\05_HP掲載\03_掲載（９月）\2509_起案②\追加・修正回答\[02_【様式】調査票（県連合退職校長会).XLSX]別表1コード表'!#REF!</xm:f>
          </x14:formula1>
          <xm:sqref>C4</xm:sqref>
        </x14:dataValidation>
        <x14:dataValidation type="list" allowBlank="1" showInputMessage="1" showErrorMessage="1">
          <x14:formula1>
            <xm:f>'\\kfs01\s4001\04_教育ビジョン・広報グループ\05_かながわ教育ビジョン\03_かながわ教育月間\01_かながわ教育月間\01_かながわ教育月間イベント照会\05_HP掲載\03_掲載（９月）\2509_起案②\追加・修正回答\[02_【様式】調査票（県連合退職校長会).XLSX]別表1コード表'!#REF!</xm:f>
          </x14:formula1>
          <xm:sqref>A4</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6">
    <pageSetUpPr fitToPage="1"/>
  </sheetPr>
  <dimension ref="A1:N22"/>
  <sheetViews>
    <sheetView zoomScale="80" zoomScaleNormal="80" workbookViewId="0">
      <pane ySplit="2" topLeftCell="A3" activePane="bottomLeft" state="frozen"/>
      <selection activeCell="Q5" sqref="Q5"/>
      <selection pane="bottomLeft" activeCell="D5" sqref="D5"/>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146.4" thickTop="1" x14ac:dyDescent="0.2">
      <c r="A3" s="4" t="s">
        <v>876</v>
      </c>
      <c r="B3" s="4" t="s">
        <v>895</v>
      </c>
      <c r="C3" s="7" t="s">
        <v>55</v>
      </c>
      <c r="D3" s="4" t="s">
        <v>896</v>
      </c>
      <c r="E3" s="9">
        <v>45857</v>
      </c>
      <c r="F3" s="9">
        <v>46019</v>
      </c>
      <c r="G3" s="39" t="s">
        <v>897</v>
      </c>
      <c r="H3" s="39" t="s">
        <v>898</v>
      </c>
      <c r="I3" s="39" t="s">
        <v>897</v>
      </c>
      <c r="J3" s="39" t="s">
        <v>60</v>
      </c>
      <c r="K3" s="39" t="s">
        <v>61</v>
      </c>
      <c r="L3" s="10" t="s">
        <v>85</v>
      </c>
      <c r="M3" s="39" t="s">
        <v>897</v>
      </c>
      <c r="N3" s="159" t="s">
        <v>899</v>
      </c>
    </row>
    <row r="4" spans="1:14" s="68" customFormat="1" ht="162" x14ac:dyDescent="0.2">
      <c r="A4" s="4" t="s">
        <v>876</v>
      </c>
      <c r="B4" s="4" t="s">
        <v>883</v>
      </c>
      <c r="C4" s="7" t="s">
        <v>55</v>
      </c>
      <c r="D4" s="4" t="s">
        <v>884</v>
      </c>
      <c r="E4" s="9">
        <v>45924</v>
      </c>
      <c r="F4" s="9">
        <v>45931</v>
      </c>
      <c r="G4" s="39" t="s">
        <v>885</v>
      </c>
      <c r="H4" s="39" t="s">
        <v>886</v>
      </c>
      <c r="I4" s="39" t="s">
        <v>885</v>
      </c>
      <c r="J4" s="39" t="s">
        <v>60</v>
      </c>
      <c r="K4" s="39" t="s">
        <v>61</v>
      </c>
      <c r="L4" s="10" t="s">
        <v>85</v>
      </c>
      <c r="M4" s="39" t="s">
        <v>885</v>
      </c>
      <c r="N4" s="159" t="s">
        <v>887</v>
      </c>
    </row>
    <row r="5" spans="1:14" s="68" customFormat="1" ht="178.2" x14ac:dyDescent="0.2">
      <c r="A5" s="4" t="s">
        <v>876</v>
      </c>
      <c r="B5" s="4" t="s">
        <v>900</v>
      </c>
      <c r="C5" s="7" t="s">
        <v>55</v>
      </c>
      <c r="D5" s="4" t="s">
        <v>901</v>
      </c>
      <c r="E5" s="9">
        <v>45928</v>
      </c>
      <c r="F5" s="9">
        <v>45928</v>
      </c>
      <c r="G5" s="39" t="s">
        <v>902</v>
      </c>
      <c r="H5" s="39" t="s">
        <v>903</v>
      </c>
      <c r="I5" s="39" t="s">
        <v>897</v>
      </c>
      <c r="J5" s="39" t="s">
        <v>60</v>
      </c>
      <c r="K5" s="39" t="s">
        <v>61</v>
      </c>
      <c r="L5" s="10" t="s">
        <v>85</v>
      </c>
      <c r="M5" s="39" t="s">
        <v>897</v>
      </c>
      <c r="N5" s="159" t="s">
        <v>904</v>
      </c>
    </row>
    <row r="6" spans="1:14" s="68" customFormat="1" ht="100.95" customHeight="1" x14ac:dyDescent="0.2">
      <c r="A6" s="4" t="s">
        <v>876</v>
      </c>
      <c r="B6" s="4" t="s">
        <v>923</v>
      </c>
      <c r="C6" s="7" t="s">
        <v>80</v>
      </c>
      <c r="D6" s="4" t="s">
        <v>924</v>
      </c>
      <c r="E6" s="9">
        <v>45934</v>
      </c>
      <c r="F6" s="9">
        <v>45934</v>
      </c>
      <c r="G6" s="39" t="s">
        <v>925</v>
      </c>
      <c r="H6" s="39" t="s">
        <v>926</v>
      </c>
      <c r="I6" s="39" t="s">
        <v>927</v>
      </c>
      <c r="J6" s="39" t="s">
        <v>928</v>
      </c>
      <c r="K6" s="39" t="s">
        <v>61</v>
      </c>
      <c r="L6" s="10" t="s">
        <v>85</v>
      </c>
      <c r="M6" s="39" t="s">
        <v>929</v>
      </c>
      <c r="N6" s="160"/>
    </row>
    <row r="7" spans="1:14" s="68" customFormat="1" ht="97.2" x14ac:dyDescent="0.2">
      <c r="A7" s="14" t="s">
        <v>876</v>
      </c>
      <c r="B7" s="14" t="s">
        <v>1776</v>
      </c>
      <c r="C7" s="16" t="s">
        <v>600</v>
      </c>
      <c r="D7" s="14" t="s">
        <v>1777</v>
      </c>
      <c r="E7" s="33">
        <v>45934</v>
      </c>
      <c r="F7" s="33">
        <v>45934</v>
      </c>
      <c r="G7" s="13" t="s">
        <v>1762</v>
      </c>
      <c r="H7" s="13" t="s">
        <v>1763</v>
      </c>
      <c r="I7" s="54" t="s">
        <v>1768</v>
      </c>
      <c r="J7" s="13" t="s">
        <v>60</v>
      </c>
      <c r="K7" s="13" t="s">
        <v>61</v>
      </c>
      <c r="L7" s="17" t="s">
        <v>62</v>
      </c>
      <c r="M7" s="13" t="s">
        <v>1770</v>
      </c>
      <c r="N7" s="163" t="s">
        <v>1771</v>
      </c>
    </row>
    <row r="8" spans="1:14" s="68" customFormat="1" ht="178.2" x14ac:dyDescent="0.2">
      <c r="A8" s="4" t="s">
        <v>876</v>
      </c>
      <c r="B8" s="4" t="s">
        <v>905</v>
      </c>
      <c r="C8" s="7" t="s">
        <v>55</v>
      </c>
      <c r="D8" s="4" t="s">
        <v>906</v>
      </c>
      <c r="E8" s="9">
        <v>45942</v>
      </c>
      <c r="F8" s="9">
        <v>45942</v>
      </c>
      <c r="G8" s="39" t="s">
        <v>907</v>
      </c>
      <c r="H8" s="39" t="s">
        <v>908</v>
      </c>
      <c r="I8" s="39" t="s">
        <v>897</v>
      </c>
      <c r="J8" s="39" t="s">
        <v>60</v>
      </c>
      <c r="K8" s="39" t="s">
        <v>70</v>
      </c>
      <c r="L8" s="10" t="s">
        <v>62</v>
      </c>
      <c r="M8" s="39" t="s">
        <v>897</v>
      </c>
      <c r="N8" s="159" t="s">
        <v>909</v>
      </c>
    </row>
    <row r="9" spans="1:14" s="68" customFormat="1" ht="97.2" x14ac:dyDescent="0.2">
      <c r="A9" s="14" t="s">
        <v>876</v>
      </c>
      <c r="B9" s="14" t="s">
        <v>1766</v>
      </c>
      <c r="C9" s="16" t="s">
        <v>55</v>
      </c>
      <c r="D9" s="14" t="s">
        <v>1767</v>
      </c>
      <c r="E9" s="38">
        <v>45943</v>
      </c>
      <c r="F9" s="38">
        <v>45943</v>
      </c>
      <c r="G9" s="13" t="s">
        <v>1762</v>
      </c>
      <c r="H9" s="13" t="s">
        <v>1763</v>
      </c>
      <c r="I9" s="54" t="s">
        <v>1768</v>
      </c>
      <c r="J9" s="13" t="s">
        <v>1769</v>
      </c>
      <c r="K9" s="13" t="s">
        <v>70</v>
      </c>
      <c r="L9" s="17" t="s">
        <v>62</v>
      </c>
      <c r="M9" s="13" t="s">
        <v>1770</v>
      </c>
      <c r="N9" s="163" t="s">
        <v>1771</v>
      </c>
    </row>
    <row r="10" spans="1:14" s="68" customFormat="1" ht="165" customHeight="1" x14ac:dyDescent="0.2">
      <c r="A10" s="4" t="s">
        <v>876</v>
      </c>
      <c r="B10" s="4" t="s">
        <v>1787</v>
      </c>
      <c r="C10" s="7" t="s">
        <v>41</v>
      </c>
      <c r="D10" s="4" t="s">
        <v>1788</v>
      </c>
      <c r="E10" s="9">
        <v>45945</v>
      </c>
      <c r="F10" s="9">
        <v>45945</v>
      </c>
      <c r="G10" s="39" t="s">
        <v>1789</v>
      </c>
      <c r="H10" s="39" t="s">
        <v>926</v>
      </c>
      <c r="I10" s="39" t="s">
        <v>1570</v>
      </c>
      <c r="J10" s="39" t="s">
        <v>1790</v>
      </c>
      <c r="K10" s="39" t="s">
        <v>70</v>
      </c>
      <c r="L10" s="10" t="s">
        <v>62</v>
      </c>
      <c r="M10" s="39" t="s">
        <v>1791</v>
      </c>
      <c r="N10" s="159" t="s">
        <v>1792</v>
      </c>
    </row>
    <row r="11" spans="1:14" s="68" customFormat="1" ht="178.2" x14ac:dyDescent="0.2">
      <c r="A11" s="4" t="s">
        <v>876</v>
      </c>
      <c r="B11" s="4" t="s">
        <v>910</v>
      </c>
      <c r="C11" s="7" t="s">
        <v>55</v>
      </c>
      <c r="D11" s="4" t="s">
        <v>911</v>
      </c>
      <c r="E11" s="9">
        <v>45948</v>
      </c>
      <c r="F11" s="9">
        <v>45948</v>
      </c>
      <c r="G11" s="39" t="s">
        <v>897</v>
      </c>
      <c r="H11" s="39" t="s">
        <v>898</v>
      </c>
      <c r="I11" s="39" t="s">
        <v>897</v>
      </c>
      <c r="J11" s="39" t="s">
        <v>60</v>
      </c>
      <c r="K11" s="39" t="s">
        <v>70</v>
      </c>
      <c r="L11" s="10" t="s">
        <v>62</v>
      </c>
      <c r="M11" s="39" t="s">
        <v>897</v>
      </c>
      <c r="N11" s="159" t="s">
        <v>912</v>
      </c>
    </row>
    <row r="12" spans="1:14" s="68" customFormat="1" ht="97.2" x14ac:dyDescent="0.2">
      <c r="A12" s="14" t="s">
        <v>876</v>
      </c>
      <c r="B12" s="14" t="s">
        <v>1780</v>
      </c>
      <c r="C12" s="16" t="s">
        <v>55</v>
      </c>
      <c r="D12" s="14" t="s">
        <v>1781</v>
      </c>
      <c r="E12" s="38">
        <v>45948</v>
      </c>
      <c r="F12" s="38">
        <v>45948</v>
      </c>
      <c r="G12" s="13" t="s">
        <v>1782</v>
      </c>
      <c r="H12" s="13" t="s">
        <v>1783</v>
      </c>
      <c r="I12" s="54" t="s">
        <v>1784</v>
      </c>
      <c r="J12" s="13" t="s">
        <v>60</v>
      </c>
      <c r="K12" s="13" t="s">
        <v>61</v>
      </c>
      <c r="L12" s="17" t="s">
        <v>62</v>
      </c>
      <c r="M12" s="13" t="s">
        <v>1785</v>
      </c>
      <c r="N12" s="163" t="s">
        <v>1786</v>
      </c>
    </row>
    <row r="13" spans="1:14" s="68" customFormat="1" ht="97.2" x14ac:dyDescent="0.2">
      <c r="A13" s="14" t="s">
        <v>876</v>
      </c>
      <c r="B13" s="14" t="s">
        <v>1778</v>
      </c>
      <c r="C13" s="16" t="s">
        <v>600</v>
      </c>
      <c r="D13" s="14" t="s">
        <v>1779</v>
      </c>
      <c r="E13" s="33">
        <v>45949</v>
      </c>
      <c r="F13" s="33">
        <v>45949</v>
      </c>
      <c r="G13" s="13" t="s">
        <v>1762</v>
      </c>
      <c r="H13" s="13" t="s">
        <v>1763</v>
      </c>
      <c r="I13" s="54" t="s">
        <v>1768</v>
      </c>
      <c r="J13" s="13" t="s">
        <v>60</v>
      </c>
      <c r="K13" s="13" t="s">
        <v>70</v>
      </c>
      <c r="L13" s="17" t="s">
        <v>62</v>
      </c>
      <c r="M13" s="13" t="s">
        <v>1770</v>
      </c>
      <c r="N13" s="163" t="s">
        <v>1771</v>
      </c>
    </row>
    <row r="14" spans="1:14" s="68" customFormat="1" ht="79.2" x14ac:dyDescent="0.2">
      <c r="A14" s="4" t="s">
        <v>876</v>
      </c>
      <c r="B14" s="4" t="s">
        <v>888</v>
      </c>
      <c r="C14" s="7" t="s">
        <v>55</v>
      </c>
      <c r="D14" s="4" t="s">
        <v>889</v>
      </c>
      <c r="E14" s="9">
        <v>45954</v>
      </c>
      <c r="F14" s="9">
        <v>46015</v>
      </c>
      <c r="G14" s="39" t="s">
        <v>890</v>
      </c>
      <c r="H14" s="39" t="s">
        <v>891</v>
      </c>
      <c r="I14" s="39" t="s">
        <v>892</v>
      </c>
      <c r="J14" s="39" t="s">
        <v>60</v>
      </c>
      <c r="K14" s="39" t="s">
        <v>61</v>
      </c>
      <c r="L14" s="10" t="s">
        <v>85</v>
      </c>
      <c r="M14" s="39" t="s">
        <v>893</v>
      </c>
      <c r="N14" s="159" t="s">
        <v>894</v>
      </c>
    </row>
    <row r="15" spans="1:14" s="68" customFormat="1" ht="97.2" x14ac:dyDescent="0.2">
      <c r="A15" s="14" t="s">
        <v>876</v>
      </c>
      <c r="B15" s="14" t="s">
        <v>1772</v>
      </c>
      <c r="C15" s="16" t="s">
        <v>55</v>
      </c>
      <c r="D15" s="14" t="s">
        <v>1773</v>
      </c>
      <c r="E15" s="33">
        <v>45955</v>
      </c>
      <c r="F15" s="33">
        <v>45955</v>
      </c>
      <c r="G15" s="13" t="s">
        <v>1762</v>
      </c>
      <c r="H15" s="13" t="s">
        <v>1763</v>
      </c>
      <c r="I15" s="54" t="s">
        <v>1768</v>
      </c>
      <c r="J15" s="13" t="s">
        <v>1769</v>
      </c>
      <c r="K15" s="13" t="s">
        <v>70</v>
      </c>
      <c r="L15" s="17" t="s">
        <v>62</v>
      </c>
      <c r="M15" s="13" t="s">
        <v>1770</v>
      </c>
      <c r="N15" s="163" t="s">
        <v>1771</v>
      </c>
    </row>
    <row r="16" spans="1:14" s="68" customFormat="1" ht="178.2" x14ac:dyDescent="0.2">
      <c r="A16" s="4" t="s">
        <v>876</v>
      </c>
      <c r="B16" s="4" t="s">
        <v>900</v>
      </c>
      <c r="C16" s="7" t="s">
        <v>55</v>
      </c>
      <c r="D16" s="4" t="s">
        <v>901</v>
      </c>
      <c r="E16" s="9">
        <v>45956</v>
      </c>
      <c r="F16" s="9">
        <v>45956</v>
      </c>
      <c r="G16" s="39" t="s">
        <v>902</v>
      </c>
      <c r="H16" s="39" t="s">
        <v>903</v>
      </c>
      <c r="I16" s="39" t="s">
        <v>897</v>
      </c>
      <c r="J16" s="39" t="s">
        <v>60</v>
      </c>
      <c r="K16" s="39" t="s">
        <v>61</v>
      </c>
      <c r="L16" s="10" t="s">
        <v>85</v>
      </c>
      <c r="M16" s="39" t="s">
        <v>897</v>
      </c>
      <c r="N16" s="159" t="s">
        <v>913</v>
      </c>
    </row>
    <row r="17" spans="1:14" s="68" customFormat="1" ht="178.2" x14ac:dyDescent="0.2">
      <c r="A17" s="4" t="s">
        <v>876</v>
      </c>
      <c r="B17" s="4" t="s">
        <v>914</v>
      </c>
      <c r="C17" s="7" t="s">
        <v>55</v>
      </c>
      <c r="D17" s="4" t="s">
        <v>915</v>
      </c>
      <c r="E17" s="9">
        <v>45962</v>
      </c>
      <c r="F17" s="9">
        <v>45964</v>
      </c>
      <c r="G17" s="39" t="s">
        <v>897</v>
      </c>
      <c r="H17" s="39" t="s">
        <v>898</v>
      </c>
      <c r="I17" s="39" t="s">
        <v>897</v>
      </c>
      <c r="J17" s="39" t="s">
        <v>60</v>
      </c>
      <c r="K17" s="39" t="s">
        <v>61</v>
      </c>
      <c r="L17" s="10" t="s">
        <v>85</v>
      </c>
      <c r="M17" s="39" t="s">
        <v>897</v>
      </c>
      <c r="N17" s="159" t="s">
        <v>916</v>
      </c>
    </row>
    <row r="18" spans="1:14" s="68" customFormat="1" ht="178.2" x14ac:dyDescent="0.2">
      <c r="A18" s="4" t="s">
        <v>876</v>
      </c>
      <c r="B18" s="4" t="s">
        <v>917</v>
      </c>
      <c r="C18" s="7" t="s">
        <v>55</v>
      </c>
      <c r="D18" s="4" t="s">
        <v>918</v>
      </c>
      <c r="E18" s="9">
        <v>45963</v>
      </c>
      <c r="F18" s="9">
        <v>45963</v>
      </c>
      <c r="G18" s="39" t="s">
        <v>897</v>
      </c>
      <c r="H18" s="39" t="s">
        <v>898</v>
      </c>
      <c r="I18" s="39" t="s">
        <v>897</v>
      </c>
      <c r="J18" s="39" t="s">
        <v>60</v>
      </c>
      <c r="K18" s="39" t="s">
        <v>61</v>
      </c>
      <c r="L18" s="10" t="s">
        <v>85</v>
      </c>
      <c r="M18" s="39" t="s">
        <v>897</v>
      </c>
      <c r="N18" s="159" t="s">
        <v>919</v>
      </c>
    </row>
    <row r="19" spans="1:14" s="68" customFormat="1" ht="178.2" x14ac:dyDescent="0.2">
      <c r="A19" s="4" t="s">
        <v>876</v>
      </c>
      <c r="B19" s="4" t="s">
        <v>920</v>
      </c>
      <c r="C19" s="7" t="s">
        <v>55</v>
      </c>
      <c r="D19" s="4" t="s">
        <v>921</v>
      </c>
      <c r="E19" s="9">
        <v>45964</v>
      </c>
      <c r="F19" s="9">
        <v>45964</v>
      </c>
      <c r="G19" s="39" t="s">
        <v>897</v>
      </c>
      <c r="H19" s="39" t="s">
        <v>898</v>
      </c>
      <c r="I19" s="39" t="s">
        <v>897</v>
      </c>
      <c r="J19" s="39" t="s">
        <v>60</v>
      </c>
      <c r="K19" s="39" t="s">
        <v>61</v>
      </c>
      <c r="L19" s="10" t="s">
        <v>85</v>
      </c>
      <c r="M19" s="39" t="s">
        <v>897</v>
      </c>
      <c r="N19" s="159" t="s">
        <v>922</v>
      </c>
    </row>
    <row r="20" spans="1:14" s="68" customFormat="1" ht="115.2" customHeight="1" x14ac:dyDescent="0.2">
      <c r="A20" s="14" t="s">
        <v>876</v>
      </c>
      <c r="B20" s="14" t="s">
        <v>1760</v>
      </c>
      <c r="C20" s="16" t="s">
        <v>99</v>
      </c>
      <c r="D20" s="14" t="s">
        <v>1761</v>
      </c>
      <c r="E20" s="38">
        <v>45964</v>
      </c>
      <c r="F20" s="38">
        <v>45964</v>
      </c>
      <c r="G20" s="13" t="s">
        <v>1762</v>
      </c>
      <c r="H20" s="13" t="s">
        <v>1763</v>
      </c>
      <c r="I20" s="54" t="s">
        <v>1764</v>
      </c>
      <c r="J20" s="13" t="s">
        <v>60</v>
      </c>
      <c r="K20" s="13" t="s">
        <v>61</v>
      </c>
      <c r="L20" s="17" t="s">
        <v>85</v>
      </c>
      <c r="M20" s="54" t="s">
        <v>1765</v>
      </c>
      <c r="N20" s="19"/>
    </row>
    <row r="21" spans="1:14" s="68" customFormat="1" ht="52.8" x14ac:dyDescent="0.2">
      <c r="A21" s="4" t="s">
        <v>876</v>
      </c>
      <c r="B21" s="4" t="s">
        <v>877</v>
      </c>
      <c r="C21" s="7" t="s">
        <v>55</v>
      </c>
      <c r="D21" s="4" t="s">
        <v>878</v>
      </c>
      <c r="E21" s="9">
        <v>45974</v>
      </c>
      <c r="F21" s="9">
        <v>45988</v>
      </c>
      <c r="G21" s="39" t="s">
        <v>879</v>
      </c>
      <c r="H21" s="39" t="s">
        <v>880</v>
      </c>
      <c r="I21" s="39" t="s">
        <v>881</v>
      </c>
      <c r="J21" s="39" t="s">
        <v>882</v>
      </c>
      <c r="K21" s="39" t="s">
        <v>61</v>
      </c>
      <c r="L21" s="10" t="s">
        <v>62</v>
      </c>
      <c r="M21" s="39" t="s">
        <v>881</v>
      </c>
      <c r="N21" s="160"/>
    </row>
    <row r="22" spans="1:14" s="68" customFormat="1" ht="97.2" x14ac:dyDescent="0.2">
      <c r="A22" s="14" t="s">
        <v>876</v>
      </c>
      <c r="B22" s="14" t="s">
        <v>1774</v>
      </c>
      <c r="C22" s="16" t="s">
        <v>55</v>
      </c>
      <c r="D22" s="14" t="s">
        <v>1775</v>
      </c>
      <c r="E22" s="33">
        <v>45976</v>
      </c>
      <c r="F22" s="33">
        <v>45976</v>
      </c>
      <c r="G22" s="13" t="s">
        <v>1762</v>
      </c>
      <c r="H22" s="13" t="s">
        <v>1763</v>
      </c>
      <c r="I22" s="54" t="s">
        <v>1768</v>
      </c>
      <c r="J22" s="13" t="s">
        <v>60</v>
      </c>
      <c r="K22" s="13" t="s">
        <v>61</v>
      </c>
      <c r="L22" s="17" t="s">
        <v>62</v>
      </c>
      <c r="M22" s="13" t="s">
        <v>1770</v>
      </c>
      <c r="N22" s="163" t="s">
        <v>1771</v>
      </c>
    </row>
  </sheetData>
  <mergeCells count="1">
    <mergeCell ref="A1:N1"/>
  </mergeCells>
  <phoneticPr fontId="2"/>
  <dataValidations count="1">
    <dataValidation type="list" allowBlank="1" showInputMessage="1" showErrorMessage="1" sqref="K3:K22">
      <formula1>"有料,無料,その他"</formula1>
    </dataValidation>
  </dataValidations>
  <hyperlinks>
    <hyperlink ref="N3" r:id="rId1"/>
    <hyperlink ref="N4" r:id="rId2"/>
    <hyperlink ref="N5" r:id="rId3"/>
    <hyperlink ref="N7" r:id="rId4"/>
    <hyperlink ref="N8" r:id="rId5"/>
    <hyperlink ref="N9" r:id="rId6"/>
    <hyperlink ref="N10" r:id="rId7"/>
    <hyperlink ref="N11" r:id="rId8"/>
    <hyperlink ref="N12" r:id="rId9"/>
    <hyperlink ref="N13" r:id="rId10"/>
    <hyperlink ref="N14" r:id="rId11"/>
    <hyperlink ref="N15" r:id="rId12"/>
    <hyperlink ref="N16" r:id="rId13"/>
    <hyperlink ref="N17" r:id="rId14"/>
    <hyperlink ref="N18" r:id="rId15"/>
    <hyperlink ref="N19" r:id="rId16"/>
    <hyperlink ref="N22" r:id="rId17"/>
  </hyperlinks>
  <pageMargins left="0.23622047244094491" right="0.23622047244094491" top="0.74803149606299213" bottom="0.74803149606299213" header="0.31496062992125984" footer="0.31496062992125984"/>
  <pageSetup paperSize="9" scale="50" fitToHeight="0" orientation="portrait" r:id="rId18"/>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7">
    <pageSetUpPr fitToPage="1"/>
  </sheetPr>
  <dimension ref="A1:N7"/>
  <sheetViews>
    <sheetView zoomScale="80" zoomScaleNormal="80" workbookViewId="0">
      <pane ySplit="2" topLeftCell="A3" activePane="bottomLeft" state="frozen"/>
      <selection activeCell="Q5" sqref="Q5"/>
      <selection pane="bottomLeft" activeCell="N12" sqref="N12"/>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13.109375" style="162" customWidth="1"/>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81" customHeight="1" thickTop="1" x14ac:dyDescent="0.2">
      <c r="A3" s="11" t="s">
        <v>1</v>
      </c>
      <c r="B3" s="11" t="s">
        <v>930</v>
      </c>
      <c r="C3" s="12" t="s">
        <v>80</v>
      </c>
      <c r="D3" s="11" t="s">
        <v>931</v>
      </c>
      <c r="E3" s="69">
        <v>45934</v>
      </c>
      <c r="F3" s="69">
        <v>45934</v>
      </c>
      <c r="G3" s="50" t="s">
        <v>932</v>
      </c>
      <c r="H3" s="50" t="s">
        <v>933</v>
      </c>
      <c r="I3" s="49" t="s">
        <v>934</v>
      </c>
      <c r="J3" s="50" t="s">
        <v>935</v>
      </c>
      <c r="K3" s="50" t="s">
        <v>61</v>
      </c>
      <c r="L3" s="70" t="s">
        <v>62</v>
      </c>
      <c r="M3" s="50" t="s">
        <v>934</v>
      </c>
      <c r="N3" s="160"/>
    </row>
    <row r="4" spans="1:14" s="68" customFormat="1" ht="159.6" customHeight="1" x14ac:dyDescent="0.2">
      <c r="A4" s="4" t="s">
        <v>1</v>
      </c>
      <c r="B4" s="4" t="s">
        <v>227</v>
      </c>
      <c r="C4" s="7" t="s">
        <v>55</v>
      </c>
      <c r="D4" s="4" t="s">
        <v>228</v>
      </c>
      <c r="E4" s="9">
        <v>45941</v>
      </c>
      <c r="F4" s="9">
        <v>45941</v>
      </c>
      <c r="G4" s="39" t="s">
        <v>229</v>
      </c>
      <c r="H4" s="39" t="s">
        <v>230</v>
      </c>
      <c r="I4" s="39" t="s">
        <v>231</v>
      </c>
      <c r="J4" s="39" t="s">
        <v>60</v>
      </c>
      <c r="K4" s="39" t="s">
        <v>61</v>
      </c>
      <c r="L4" s="10" t="s">
        <v>85</v>
      </c>
      <c r="M4" s="39" t="s">
        <v>232</v>
      </c>
      <c r="N4" s="159" t="s">
        <v>233</v>
      </c>
    </row>
    <row r="5" spans="1:14" s="68" customFormat="1" ht="96.6" customHeight="1" x14ac:dyDescent="0.2">
      <c r="A5" s="4" t="s">
        <v>1</v>
      </c>
      <c r="B5" s="4" t="s">
        <v>431</v>
      </c>
      <c r="C5" s="7" t="s">
        <v>80</v>
      </c>
      <c r="D5" s="4" t="s">
        <v>432</v>
      </c>
      <c r="E5" s="9">
        <v>45949</v>
      </c>
      <c r="F5" s="9">
        <v>45949</v>
      </c>
      <c r="G5" s="39" t="s">
        <v>433</v>
      </c>
      <c r="H5" s="39" t="s">
        <v>434</v>
      </c>
      <c r="I5" s="39" t="s">
        <v>435</v>
      </c>
      <c r="J5" s="39" t="s">
        <v>436</v>
      </c>
      <c r="K5" s="39" t="s">
        <v>61</v>
      </c>
      <c r="L5" s="10" t="s">
        <v>85</v>
      </c>
      <c r="M5" s="39" t="s">
        <v>435</v>
      </c>
      <c r="N5" s="160"/>
    </row>
    <row r="6" spans="1:14" s="68" customFormat="1" ht="96.6" customHeight="1" x14ac:dyDescent="0.2">
      <c r="A6" s="11" t="s">
        <v>1800</v>
      </c>
      <c r="B6" s="94" t="s">
        <v>1801</v>
      </c>
      <c r="C6" s="12" t="s">
        <v>55</v>
      </c>
      <c r="D6" s="94" t="s">
        <v>1802</v>
      </c>
      <c r="E6" s="69">
        <v>45955</v>
      </c>
      <c r="F6" s="69">
        <v>45955</v>
      </c>
      <c r="G6" s="50" t="s">
        <v>1803</v>
      </c>
      <c r="H6" s="50" t="s">
        <v>1804</v>
      </c>
      <c r="I6" s="50" t="s">
        <v>1805</v>
      </c>
      <c r="J6" s="50" t="s">
        <v>60</v>
      </c>
      <c r="K6" s="50" t="s">
        <v>61</v>
      </c>
      <c r="L6" s="70" t="s">
        <v>85</v>
      </c>
      <c r="M6" s="24" t="s">
        <v>1806</v>
      </c>
      <c r="N6" s="159" t="s">
        <v>1807</v>
      </c>
    </row>
    <row r="7" spans="1:14" s="68" customFormat="1" ht="79.2" x14ac:dyDescent="0.2">
      <c r="A7" s="11" t="s">
        <v>1</v>
      </c>
      <c r="B7" s="11" t="s">
        <v>1793</v>
      </c>
      <c r="C7" s="12" t="s">
        <v>600</v>
      </c>
      <c r="D7" s="11" t="s">
        <v>1794</v>
      </c>
      <c r="E7" s="69">
        <v>45977</v>
      </c>
      <c r="F7" s="69">
        <v>45977</v>
      </c>
      <c r="G7" s="50" t="s">
        <v>1795</v>
      </c>
      <c r="H7" s="50" t="s">
        <v>1796</v>
      </c>
      <c r="I7" s="50" t="s">
        <v>1797</v>
      </c>
      <c r="J7" s="50" t="s">
        <v>1798</v>
      </c>
      <c r="K7" s="50" t="s">
        <v>61</v>
      </c>
      <c r="L7" s="70" t="s">
        <v>85</v>
      </c>
      <c r="M7" s="50" t="s">
        <v>1799</v>
      </c>
      <c r="N7" s="160"/>
    </row>
  </sheetData>
  <mergeCells count="1">
    <mergeCell ref="A1:N1"/>
  </mergeCells>
  <phoneticPr fontId="2"/>
  <dataValidations count="1">
    <dataValidation type="list" allowBlank="1" showInputMessage="1" showErrorMessage="1" sqref="K3:K7">
      <formula1>"有料,無料,その他"</formula1>
    </dataValidation>
  </dataValidations>
  <hyperlinks>
    <hyperlink ref="N4" r:id="rId1"/>
    <hyperlink ref="N6" r:id="rId2"/>
  </hyperlinks>
  <pageMargins left="0.23622047244094491" right="0.23622047244094491" top="0.74803149606299213" bottom="0.74803149606299213" header="0.31496062992125984" footer="0.31496062992125984"/>
  <pageSetup paperSize="9" scale="50" fitToHeight="0" orientation="portrait" r:id="rId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3"/>
  <sheetViews>
    <sheetView tabSelected="1" zoomScale="80" zoomScaleNormal="80" workbookViewId="0">
      <pane ySplit="2" topLeftCell="A3" activePane="bottomLeft" state="frozen"/>
      <selection activeCell="Q5" sqref="Q5"/>
      <selection pane="bottomLeft" activeCell="G9" sqref="G9"/>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13.109375" style="162" customWidth="1"/>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97.8" customHeight="1" thickTop="1" x14ac:dyDescent="0.2">
      <c r="A3" s="11" t="s">
        <v>2194</v>
      </c>
      <c r="B3" s="11" t="s">
        <v>2195</v>
      </c>
      <c r="C3" s="12" t="s">
        <v>99</v>
      </c>
      <c r="D3" s="11" t="s">
        <v>2196</v>
      </c>
      <c r="E3" s="69" t="s">
        <v>2197</v>
      </c>
      <c r="F3" s="69" t="s">
        <v>2198</v>
      </c>
      <c r="G3" s="50" t="s">
        <v>2199</v>
      </c>
      <c r="H3" s="50" t="s">
        <v>2200</v>
      </c>
      <c r="I3" s="49" t="s">
        <v>2201</v>
      </c>
      <c r="J3" s="50" t="s">
        <v>60</v>
      </c>
      <c r="K3" s="50" t="s">
        <v>70</v>
      </c>
      <c r="L3" s="70" t="s">
        <v>85</v>
      </c>
      <c r="M3" s="50" t="s">
        <v>2201</v>
      </c>
      <c r="N3" s="160"/>
    </row>
  </sheetData>
  <mergeCells count="1">
    <mergeCell ref="A1:N1"/>
  </mergeCells>
  <phoneticPr fontId="2"/>
  <dataValidations count="1">
    <dataValidation type="list" allowBlank="1" showInputMessage="1" showErrorMessage="1" sqref="K3">
      <formula1>"有料,無料,その他"</formula1>
    </dataValidation>
  </dataValidations>
  <pageMargins left="0.23622047244094491" right="0.23622047244094491" top="0.74803149606299213" bottom="0.74803149606299213" header="0.31496062992125984" footer="0.31496062992125984"/>
  <pageSetup paperSize="9" scale="50" fitToHeight="0"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9">
    <pageSetUpPr fitToPage="1"/>
  </sheetPr>
  <dimension ref="A1:N38"/>
  <sheetViews>
    <sheetView zoomScale="70" zoomScaleNormal="70" workbookViewId="0">
      <pane ySplit="2" topLeftCell="A3" activePane="bottomLeft" state="frozen"/>
      <selection activeCell="Q5" sqref="Q5"/>
      <selection pane="bottomLeft" activeCell="T28" sqref="T28"/>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5" width="12.88671875" style="64" customWidth="1"/>
    <col min="6" max="6" width="13.886718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45" customHeight="1" thickTop="1" x14ac:dyDescent="0.2">
      <c r="A3" s="4" t="s">
        <v>936</v>
      </c>
      <c r="B3" s="4" t="s">
        <v>937</v>
      </c>
      <c r="C3" s="7" t="s">
        <v>600</v>
      </c>
      <c r="D3" s="4" t="s">
        <v>938</v>
      </c>
      <c r="E3" s="9">
        <v>45920</v>
      </c>
      <c r="F3" s="9">
        <v>45920</v>
      </c>
      <c r="G3" s="39" t="s">
        <v>939</v>
      </c>
      <c r="H3" s="39" t="s">
        <v>940</v>
      </c>
      <c r="I3" s="39" t="s">
        <v>941</v>
      </c>
      <c r="J3" s="39" t="s">
        <v>60</v>
      </c>
      <c r="K3" s="39" t="s">
        <v>61</v>
      </c>
      <c r="L3" s="10" t="s">
        <v>62</v>
      </c>
      <c r="M3" s="39" t="s">
        <v>942</v>
      </c>
      <c r="N3" s="160"/>
    </row>
    <row r="4" spans="1:14" s="68" customFormat="1" ht="45" customHeight="1" x14ac:dyDescent="0.2">
      <c r="A4" s="4" t="s">
        <v>936</v>
      </c>
      <c r="B4" s="4" t="s">
        <v>976</v>
      </c>
      <c r="C4" s="7" t="s">
        <v>99</v>
      </c>
      <c r="D4" s="4" t="s">
        <v>977</v>
      </c>
      <c r="E4" s="9">
        <v>45920</v>
      </c>
      <c r="F4" s="9">
        <v>45920</v>
      </c>
      <c r="G4" s="39" t="s">
        <v>978</v>
      </c>
      <c r="H4" s="39" t="s">
        <v>940</v>
      </c>
      <c r="I4" s="39" t="s">
        <v>979</v>
      </c>
      <c r="J4" s="39" t="s">
        <v>980</v>
      </c>
      <c r="K4" s="39" t="s">
        <v>981</v>
      </c>
      <c r="L4" s="10" t="s">
        <v>982</v>
      </c>
      <c r="M4" s="39" t="s">
        <v>983</v>
      </c>
      <c r="N4" s="160"/>
    </row>
    <row r="5" spans="1:14" s="68" customFormat="1" ht="145.80000000000001" x14ac:dyDescent="0.2">
      <c r="A5" s="14" t="s">
        <v>2</v>
      </c>
      <c r="B5" s="14" t="s">
        <v>1820</v>
      </c>
      <c r="C5" s="16" t="s">
        <v>600</v>
      </c>
      <c r="D5" s="14" t="s">
        <v>1821</v>
      </c>
      <c r="E5" s="33">
        <v>45921</v>
      </c>
      <c r="F5" s="33">
        <v>45921</v>
      </c>
      <c r="G5" s="13" t="s">
        <v>1822</v>
      </c>
      <c r="H5" s="13" t="s">
        <v>1823</v>
      </c>
      <c r="I5" s="13" t="s">
        <v>1824</v>
      </c>
      <c r="J5" s="13" t="s">
        <v>60</v>
      </c>
      <c r="K5" s="13" t="s">
        <v>61</v>
      </c>
      <c r="L5" s="17" t="s">
        <v>85</v>
      </c>
      <c r="M5" s="13" t="s">
        <v>1824</v>
      </c>
      <c r="N5" s="163" t="s">
        <v>1825</v>
      </c>
    </row>
    <row r="6" spans="1:14" s="68" customFormat="1" ht="79.2" x14ac:dyDescent="0.2">
      <c r="A6" s="4" t="s">
        <v>2</v>
      </c>
      <c r="B6" s="4" t="s">
        <v>1000</v>
      </c>
      <c r="C6" s="7" t="s">
        <v>55</v>
      </c>
      <c r="D6" s="4" t="s">
        <v>1001</v>
      </c>
      <c r="E6" s="9">
        <v>45924</v>
      </c>
      <c r="F6" s="9">
        <v>45924</v>
      </c>
      <c r="G6" s="39" t="s">
        <v>1002</v>
      </c>
      <c r="H6" s="39" t="s">
        <v>1003</v>
      </c>
      <c r="I6" s="39" t="s">
        <v>1004</v>
      </c>
      <c r="J6" s="220" t="s">
        <v>2250</v>
      </c>
      <c r="K6" s="39" t="s">
        <v>61</v>
      </c>
      <c r="L6" s="10" t="s">
        <v>62</v>
      </c>
      <c r="M6" s="39" t="s">
        <v>1004</v>
      </c>
      <c r="N6" s="160"/>
    </row>
    <row r="7" spans="1:14" s="68" customFormat="1" ht="113.4" x14ac:dyDescent="0.2">
      <c r="A7" s="4" t="s">
        <v>2</v>
      </c>
      <c r="B7" s="4" t="s">
        <v>956</v>
      </c>
      <c r="C7" s="7" t="s">
        <v>99</v>
      </c>
      <c r="D7" s="4" t="s">
        <v>957</v>
      </c>
      <c r="E7" s="9">
        <v>45931</v>
      </c>
      <c r="F7" s="9">
        <v>46096</v>
      </c>
      <c r="G7" s="39" t="s">
        <v>958</v>
      </c>
      <c r="H7" s="39" t="s">
        <v>959</v>
      </c>
      <c r="I7" s="39" t="s">
        <v>960</v>
      </c>
      <c r="J7" s="39" t="s">
        <v>961</v>
      </c>
      <c r="K7" s="39" t="s">
        <v>61</v>
      </c>
      <c r="L7" s="10" t="s">
        <v>85</v>
      </c>
      <c r="M7" s="52" t="s">
        <v>962</v>
      </c>
      <c r="N7" s="159" t="s">
        <v>963</v>
      </c>
    </row>
    <row r="8" spans="1:14" s="68" customFormat="1" ht="52.8" x14ac:dyDescent="0.2">
      <c r="A8" s="4" t="s">
        <v>936</v>
      </c>
      <c r="B8" s="4" t="s">
        <v>943</v>
      </c>
      <c r="C8" s="7" t="s">
        <v>600</v>
      </c>
      <c r="D8" s="4" t="s">
        <v>944</v>
      </c>
      <c r="E8" s="9">
        <v>45934</v>
      </c>
      <c r="F8" s="9">
        <v>45934</v>
      </c>
      <c r="G8" s="39" t="s">
        <v>945</v>
      </c>
      <c r="H8" s="39" t="s">
        <v>946</v>
      </c>
      <c r="I8" s="39" t="s">
        <v>947</v>
      </c>
      <c r="J8" s="39" t="s">
        <v>60</v>
      </c>
      <c r="K8" s="39" t="s">
        <v>61</v>
      </c>
      <c r="L8" s="10" t="s">
        <v>85</v>
      </c>
      <c r="M8" s="39" t="s">
        <v>942</v>
      </c>
      <c r="N8" s="160"/>
    </row>
    <row r="9" spans="1:14" s="68" customFormat="1" ht="60" customHeight="1" x14ac:dyDescent="0.2">
      <c r="A9" s="4" t="s">
        <v>936</v>
      </c>
      <c r="B9" s="4" t="s">
        <v>948</v>
      </c>
      <c r="C9" s="7" t="s">
        <v>600</v>
      </c>
      <c r="D9" s="4" t="s">
        <v>949</v>
      </c>
      <c r="E9" s="9">
        <v>45934</v>
      </c>
      <c r="F9" s="9">
        <v>45935</v>
      </c>
      <c r="G9" s="39" t="s">
        <v>950</v>
      </c>
      <c r="H9" s="39" t="s">
        <v>951</v>
      </c>
      <c r="I9" s="39" t="s">
        <v>936</v>
      </c>
      <c r="J9" s="39" t="s">
        <v>952</v>
      </c>
      <c r="K9" s="39" t="s">
        <v>70</v>
      </c>
      <c r="L9" s="10" t="s">
        <v>62</v>
      </c>
      <c r="M9" s="39" t="s">
        <v>942</v>
      </c>
      <c r="N9" s="160"/>
    </row>
    <row r="10" spans="1:14" s="68" customFormat="1" ht="152.4" customHeight="1" x14ac:dyDescent="0.2">
      <c r="A10" s="4" t="s">
        <v>2</v>
      </c>
      <c r="B10" s="4" t="s">
        <v>964</v>
      </c>
      <c r="C10" s="7" t="s">
        <v>99</v>
      </c>
      <c r="D10" s="4" t="s">
        <v>965</v>
      </c>
      <c r="E10" s="9">
        <v>45942</v>
      </c>
      <c r="F10" s="9">
        <v>45942</v>
      </c>
      <c r="G10" s="39" t="s">
        <v>966</v>
      </c>
      <c r="H10" s="39" t="s">
        <v>967</v>
      </c>
      <c r="I10" s="39" t="s">
        <v>968</v>
      </c>
      <c r="J10" s="39" t="s">
        <v>952</v>
      </c>
      <c r="K10" s="39" t="s">
        <v>70</v>
      </c>
      <c r="L10" s="10" t="s">
        <v>62</v>
      </c>
      <c r="M10" s="55" t="s">
        <v>969</v>
      </c>
      <c r="N10" s="159" t="s">
        <v>970</v>
      </c>
    </row>
    <row r="11" spans="1:14" s="68" customFormat="1" ht="66" x14ac:dyDescent="0.2">
      <c r="A11" s="11" t="s">
        <v>2</v>
      </c>
      <c r="B11" s="11" t="s">
        <v>1808</v>
      </c>
      <c r="C11" s="12" t="s">
        <v>600</v>
      </c>
      <c r="D11" s="11" t="s">
        <v>1809</v>
      </c>
      <c r="E11" s="69">
        <v>45942</v>
      </c>
      <c r="F11" s="69">
        <v>45942</v>
      </c>
      <c r="G11" s="50" t="s">
        <v>1810</v>
      </c>
      <c r="H11" s="50" t="s">
        <v>1811</v>
      </c>
      <c r="I11" s="50" t="s">
        <v>1797</v>
      </c>
      <c r="J11" s="50" t="s">
        <v>1798</v>
      </c>
      <c r="K11" s="50" t="s">
        <v>61</v>
      </c>
      <c r="L11" s="70" t="s">
        <v>85</v>
      </c>
      <c r="M11" s="50" t="s">
        <v>1799</v>
      </c>
      <c r="N11" s="160"/>
    </row>
    <row r="12" spans="1:14" s="68" customFormat="1" ht="129.6" x14ac:dyDescent="0.2">
      <c r="A12" s="11" t="s">
        <v>2</v>
      </c>
      <c r="B12" s="11" t="s">
        <v>1812</v>
      </c>
      <c r="C12" s="12" t="s">
        <v>600</v>
      </c>
      <c r="D12" s="11" t="s">
        <v>1813</v>
      </c>
      <c r="E12" s="69">
        <v>45942</v>
      </c>
      <c r="F12" s="69">
        <v>45942</v>
      </c>
      <c r="G12" s="50" t="s">
        <v>1814</v>
      </c>
      <c r="H12" s="50" t="s">
        <v>1811</v>
      </c>
      <c r="I12" s="49" t="s">
        <v>1815</v>
      </c>
      <c r="J12" s="50" t="s">
        <v>1546</v>
      </c>
      <c r="K12" s="50" t="s">
        <v>61</v>
      </c>
      <c r="L12" s="70" t="s">
        <v>62</v>
      </c>
      <c r="M12" s="50" t="s">
        <v>1547</v>
      </c>
      <c r="N12" s="159" t="s">
        <v>1816</v>
      </c>
    </row>
    <row r="13" spans="1:14" s="68" customFormat="1" ht="79.2" x14ac:dyDescent="0.2">
      <c r="A13" s="220" t="s">
        <v>2</v>
      </c>
      <c r="B13" s="220" t="s">
        <v>2285</v>
      </c>
      <c r="C13" s="220" t="s">
        <v>99</v>
      </c>
      <c r="D13" s="220" t="s">
        <v>2252</v>
      </c>
      <c r="E13" s="235">
        <v>45948</v>
      </c>
      <c r="F13" s="235">
        <v>45948</v>
      </c>
      <c r="G13" s="220" t="s">
        <v>1002</v>
      </c>
      <c r="H13" s="220" t="s">
        <v>1003</v>
      </c>
      <c r="I13" s="220" t="s">
        <v>2253</v>
      </c>
      <c r="J13" s="220" t="s">
        <v>2254</v>
      </c>
      <c r="K13" s="220" t="s">
        <v>61</v>
      </c>
      <c r="L13" s="220" t="s">
        <v>62</v>
      </c>
      <c r="M13" s="220" t="s">
        <v>2253</v>
      </c>
      <c r="N13" s="224"/>
    </row>
    <row r="14" spans="1:14" s="68" customFormat="1" ht="129.6" x14ac:dyDescent="0.2">
      <c r="A14" s="11" t="s">
        <v>2</v>
      </c>
      <c r="B14" s="11" t="s">
        <v>1817</v>
      </c>
      <c r="C14" s="12" t="s">
        <v>600</v>
      </c>
      <c r="D14" s="11" t="s">
        <v>1818</v>
      </c>
      <c r="E14" s="69">
        <v>45949</v>
      </c>
      <c r="F14" s="69">
        <v>45949</v>
      </c>
      <c r="G14" s="50" t="s">
        <v>1810</v>
      </c>
      <c r="H14" s="50" t="s">
        <v>1819</v>
      </c>
      <c r="I14" s="50" t="s">
        <v>1815</v>
      </c>
      <c r="J14" s="50" t="s">
        <v>1546</v>
      </c>
      <c r="K14" s="50" t="s">
        <v>61</v>
      </c>
      <c r="L14" s="70" t="s">
        <v>85</v>
      </c>
      <c r="M14" s="50" t="s">
        <v>1547</v>
      </c>
      <c r="N14" s="159" t="s">
        <v>1816</v>
      </c>
    </row>
    <row r="15" spans="1:14" s="68" customFormat="1" ht="57" customHeight="1" x14ac:dyDescent="0.2">
      <c r="A15" s="14" t="s">
        <v>2</v>
      </c>
      <c r="B15" s="14" t="s">
        <v>1820</v>
      </c>
      <c r="C15" s="16" t="s">
        <v>600</v>
      </c>
      <c r="D15" s="14" t="s">
        <v>1821</v>
      </c>
      <c r="E15" s="33">
        <v>45949</v>
      </c>
      <c r="F15" s="33">
        <v>45949</v>
      </c>
      <c r="G15" s="13" t="s">
        <v>1822</v>
      </c>
      <c r="H15" s="13" t="s">
        <v>1823</v>
      </c>
      <c r="I15" s="13" t="s">
        <v>1824</v>
      </c>
      <c r="J15" s="13" t="s">
        <v>60</v>
      </c>
      <c r="K15" s="13" t="s">
        <v>61</v>
      </c>
      <c r="L15" s="17" t="s">
        <v>85</v>
      </c>
      <c r="M15" s="13" t="s">
        <v>1824</v>
      </c>
      <c r="N15" s="163" t="s">
        <v>1825</v>
      </c>
    </row>
    <row r="16" spans="1:14" s="68" customFormat="1" ht="39.6" x14ac:dyDescent="0.2">
      <c r="A16" s="4" t="s">
        <v>2</v>
      </c>
      <c r="B16" s="4" t="s">
        <v>1009</v>
      </c>
      <c r="C16" s="7" t="s">
        <v>99</v>
      </c>
      <c r="D16" s="4" t="s">
        <v>1010</v>
      </c>
      <c r="E16" s="9">
        <v>45952</v>
      </c>
      <c r="F16" s="9">
        <v>45953</v>
      </c>
      <c r="G16" s="97" t="s">
        <v>1011</v>
      </c>
      <c r="H16" s="39" t="s">
        <v>1012</v>
      </c>
      <c r="I16" s="39" t="s">
        <v>1013</v>
      </c>
      <c r="J16" s="39" t="s">
        <v>1014</v>
      </c>
      <c r="K16" s="39" t="s">
        <v>61</v>
      </c>
      <c r="L16" s="10" t="s">
        <v>62</v>
      </c>
      <c r="M16" s="39" t="s">
        <v>1013</v>
      </c>
      <c r="N16" s="160"/>
    </row>
    <row r="17" spans="1:14" s="68" customFormat="1" ht="39.6" x14ac:dyDescent="0.2">
      <c r="A17" s="4" t="s">
        <v>936</v>
      </c>
      <c r="B17" s="4" t="s">
        <v>990</v>
      </c>
      <c r="C17" s="7" t="s">
        <v>99</v>
      </c>
      <c r="D17" s="4" t="s">
        <v>991</v>
      </c>
      <c r="E17" s="9">
        <v>45955</v>
      </c>
      <c r="F17" s="9">
        <v>45955</v>
      </c>
      <c r="G17" s="39" t="s">
        <v>992</v>
      </c>
      <c r="H17" s="39" t="s">
        <v>993</v>
      </c>
      <c r="I17" s="39" t="s">
        <v>994</v>
      </c>
      <c r="J17" s="39" t="s">
        <v>995</v>
      </c>
      <c r="K17" s="39" t="s">
        <v>61</v>
      </c>
      <c r="L17" s="10" t="s">
        <v>62</v>
      </c>
      <c r="M17" s="39" t="s">
        <v>994</v>
      </c>
      <c r="N17" s="160"/>
    </row>
    <row r="18" spans="1:14" s="68" customFormat="1" ht="171.6" x14ac:dyDescent="0.2">
      <c r="A18" s="11" t="s">
        <v>2</v>
      </c>
      <c r="B18" s="11" t="s">
        <v>79</v>
      </c>
      <c r="C18" s="12" t="s">
        <v>80</v>
      </c>
      <c r="D18" s="11" t="s">
        <v>81</v>
      </c>
      <c r="E18" s="69">
        <v>45955</v>
      </c>
      <c r="F18" s="69">
        <v>45956</v>
      </c>
      <c r="G18" s="50" t="s">
        <v>82</v>
      </c>
      <c r="H18" s="50" t="s">
        <v>83</v>
      </c>
      <c r="I18" s="49" t="s">
        <v>84</v>
      </c>
      <c r="J18" s="50" t="s">
        <v>60</v>
      </c>
      <c r="K18" s="50" t="s">
        <v>61</v>
      </c>
      <c r="L18" s="70" t="s">
        <v>85</v>
      </c>
      <c r="M18" s="50" t="s">
        <v>86</v>
      </c>
      <c r="N18" s="159" t="s">
        <v>87</v>
      </c>
    </row>
    <row r="19" spans="1:14" s="68" customFormat="1" ht="57.6" customHeight="1" x14ac:dyDescent="0.2">
      <c r="A19" s="4" t="s">
        <v>936</v>
      </c>
      <c r="B19" s="4" t="s">
        <v>984</v>
      </c>
      <c r="C19" s="7" t="s">
        <v>99</v>
      </c>
      <c r="D19" s="4" t="s">
        <v>985</v>
      </c>
      <c r="E19" s="9">
        <v>45960</v>
      </c>
      <c r="F19" s="9">
        <v>45960</v>
      </c>
      <c r="G19" s="39" t="s">
        <v>986</v>
      </c>
      <c r="H19" s="39" t="s">
        <v>940</v>
      </c>
      <c r="I19" s="39" t="s">
        <v>979</v>
      </c>
      <c r="J19" s="39" t="s">
        <v>980</v>
      </c>
      <c r="K19" s="39" t="s">
        <v>981</v>
      </c>
      <c r="L19" s="10" t="s">
        <v>174</v>
      </c>
      <c r="M19" s="39" t="s">
        <v>983</v>
      </c>
      <c r="N19" s="160"/>
    </row>
    <row r="20" spans="1:14" s="68" customFormat="1" ht="88.95" customHeight="1" x14ac:dyDescent="0.2">
      <c r="A20" s="4" t="s">
        <v>2</v>
      </c>
      <c r="B20" s="4" t="s">
        <v>1028</v>
      </c>
      <c r="C20" s="7" t="s">
        <v>99</v>
      </c>
      <c r="D20" s="4" t="s">
        <v>1029</v>
      </c>
      <c r="E20" s="9">
        <v>45960</v>
      </c>
      <c r="F20" s="9">
        <v>45967</v>
      </c>
      <c r="G20" s="39" t="s">
        <v>978</v>
      </c>
      <c r="H20" s="39" t="s">
        <v>940</v>
      </c>
      <c r="I20" s="39" t="s">
        <v>979</v>
      </c>
      <c r="J20" s="39" t="s">
        <v>980</v>
      </c>
      <c r="K20" s="39" t="s">
        <v>981</v>
      </c>
      <c r="L20" s="10" t="s">
        <v>982</v>
      </c>
      <c r="M20" s="39" t="s">
        <v>983</v>
      </c>
      <c r="N20" s="160"/>
    </row>
    <row r="21" spans="1:14" s="68" customFormat="1" ht="79.2" x14ac:dyDescent="0.2">
      <c r="A21" s="4" t="s">
        <v>2</v>
      </c>
      <c r="B21" s="4" t="s">
        <v>971</v>
      </c>
      <c r="C21" s="7" t="s">
        <v>99</v>
      </c>
      <c r="D21" s="4" t="s">
        <v>972</v>
      </c>
      <c r="E21" s="9">
        <v>45961</v>
      </c>
      <c r="F21" s="9">
        <v>45961</v>
      </c>
      <c r="G21" s="39" t="s">
        <v>966</v>
      </c>
      <c r="H21" s="39" t="s">
        <v>967</v>
      </c>
      <c r="I21" s="39" t="s">
        <v>973</v>
      </c>
      <c r="J21" s="39" t="s">
        <v>952</v>
      </c>
      <c r="K21" s="39" t="s">
        <v>70</v>
      </c>
      <c r="L21" s="10" t="s">
        <v>62</v>
      </c>
      <c r="M21" s="55" t="s">
        <v>969</v>
      </c>
      <c r="N21" s="160"/>
    </row>
    <row r="22" spans="1:14" s="68" customFormat="1" ht="78.599999999999994" customHeight="1" x14ac:dyDescent="0.2">
      <c r="A22" s="4" t="s">
        <v>2</v>
      </c>
      <c r="B22" s="220" t="s">
        <v>2286</v>
      </c>
      <c r="C22" s="7" t="s">
        <v>55</v>
      </c>
      <c r="D22" s="4" t="s">
        <v>1005</v>
      </c>
      <c r="E22" s="9">
        <v>45963</v>
      </c>
      <c r="F22" s="9">
        <v>45963</v>
      </c>
      <c r="G22" s="39" t="s">
        <v>1002</v>
      </c>
      <c r="H22" s="39" t="s">
        <v>1003</v>
      </c>
      <c r="I22" s="39" t="s">
        <v>1004</v>
      </c>
      <c r="J22" s="39" t="s">
        <v>1006</v>
      </c>
      <c r="K22" s="39" t="s">
        <v>61</v>
      </c>
      <c r="L22" s="10" t="s">
        <v>62</v>
      </c>
      <c r="M22" s="39" t="s">
        <v>1004</v>
      </c>
      <c r="N22" s="160"/>
    </row>
    <row r="23" spans="1:14" s="68" customFormat="1" ht="105" customHeight="1" x14ac:dyDescent="0.2">
      <c r="A23" s="4" t="s">
        <v>2</v>
      </c>
      <c r="B23" s="4" t="s">
        <v>1015</v>
      </c>
      <c r="C23" s="7" t="s">
        <v>99</v>
      </c>
      <c r="D23" s="4" t="s">
        <v>1016</v>
      </c>
      <c r="E23" s="9">
        <v>45963</v>
      </c>
      <c r="F23" s="9">
        <v>45970</v>
      </c>
      <c r="G23" s="97" t="s">
        <v>1017</v>
      </c>
      <c r="H23" s="39" t="s">
        <v>1018</v>
      </c>
      <c r="I23" s="39" t="s">
        <v>1013</v>
      </c>
      <c r="J23" s="13" t="s">
        <v>2263</v>
      </c>
      <c r="K23" s="39" t="s">
        <v>61</v>
      </c>
      <c r="L23" s="10" t="s">
        <v>62</v>
      </c>
      <c r="M23" s="39" t="s">
        <v>1013</v>
      </c>
      <c r="N23" s="160"/>
    </row>
    <row r="24" spans="1:14" s="68" customFormat="1" ht="79.2" x14ac:dyDescent="0.2">
      <c r="A24" s="4" t="s">
        <v>2</v>
      </c>
      <c r="B24" s="4" t="s">
        <v>974</v>
      </c>
      <c r="C24" s="7" t="s">
        <v>99</v>
      </c>
      <c r="D24" s="4" t="s">
        <v>975</v>
      </c>
      <c r="E24" s="9">
        <v>45964</v>
      </c>
      <c r="F24" s="9">
        <v>45964</v>
      </c>
      <c r="G24" s="39" t="s">
        <v>966</v>
      </c>
      <c r="H24" s="39" t="s">
        <v>967</v>
      </c>
      <c r="I24" s="39" t="s">
        <v>968</v>
      </c>
      <c r="J24" s="39" t="s">
        <v>952</v>
      </c>
      <c r="K24" s="39" t="s">
        <v>70</v>
      </c>
      <c r="L24" s="10" t="s">
        <v>62</v>
      </c>
      <c r="M24" s="55" t="s">
        <v>969</v>
      </c>
      <c r="N24" s="160"/>
    </row>
    <row r="25" spans="1:14" s="68" customFormat="1" ht="39.6" x14ac:dyDescent="0.2">
      <c r="A25" s="4" t="s">
        <v>936</v>
      </c>
      <c r="B25" s="220" t="s">
        <v>2264</v>
      </c>
      <c r="C25" s="7" t="s">
        <v>99</v>
      </c>
      <c r="D25" s="4" t="s">
        <v>996</v>
      </c>
      <c r="E25" s="9">
        <v>45964</v>
      </c>
      <c r="F25" s="9">
        <v>45964</v>
      </c>
      <c r="G25" s="39" t="s">
        <v>992</v>
      </c>
      <c r="H25" s="39" t="s">
        <v>993</v>
      </c>
      <c r="I25" s="39" t="s">
        <v>994</v>
      </c>
      <c r="J25" s="39" t="s">
        <v>995</v>
      </c>
      <c r="K25" s="39" t="s">
        <v>61</v>
      </c>
      <c r="L25" s="10" t="s">
        <v>62</v>
      </c>
      <c r="M25" s="39" t="s">
        <v>994</v>
      </c>
      <c r="N25" s="160"/>
    </row>
    <row r="26" spans="1:14" s="68" customFormat="1" ht="79.2" x14ac:dyDescent="0.2">
      <c r="A26" s="220" t="s">
        <v>2</v>
      </c>
      <c r="B26" s="220" t="s">
        <v>2284</v>
      </c>
      <c r="C26" s="220" t="s">
        <v>99</v>
      </c>
      <c r="D26" s="220" t="s">
        <v>2256</v>
      </c>
      <c r="E26" s="235">
        <v>45964</v>
      </c>
      <c r="F26" s="235">
        <v>45964</v>
      </c>
      <c r="G26" s="220" t="s">
        <v>1002</v>
      </c>
      <c r="H26" s="220" t="s">
        <v>1003</v>
      </c>
      <c r="I26" s="220" t="s">
        <v>2253</v>
      </c>
      <c r="J26" s="220" t="s">
        <v>2257</v>
      </c>
      <c r="K26" s="220" t="s">
        <v>61</v>
      </c>
      <c r="L26" s="220" t="s">
        <v>62</v>
      </c>
      <c r="M26" s="220" t="s">
        <v>2253</v>
      </c>
      <c r="N26" s="220"/>
    </row>
    <row r="27" spans="1:14" s="68" customFormat="1" ht="26.4" x14ac:dyDescent="0.2">
      <c r="A27" s="4" t="s">
        <v>2</v>
      </c>
      <c r="B27" s="4" t="s">
        <v>1019</v>
      </c>
      <c r="C27" s="7" t="s">
        <v>99</v>
      </c>
      <c r="D27" s="4" t="s">
        <v>1020</v>
      </c>
      <c r="E27" s="9">
        <v>45968</v>
      </c>
      <c r="F27" s="9">
        <v>45968</v>
      </c>
      <c r="G27" s="97" t="s">
        <v>1017</v>
      </c>
      <c r="H27" s="39" t="s">
        <v>1018</v>
      </c>
      <c r="I27" s="39" t="s">
        <v>1013</v>
      </c>
      <c r="J27" s="39" t="s">
        <v>1014</v>
      </c>
      <c r="K27" s="39" t="s">
        <v>61</v>
      </c>
      <c r="L27" s="10" t="s">
        <v>62</v>
      </c>
      <c r="M27" s="39" t="s">
        <v>1013</v>
      </c>
      <c r="N27" s="160"/>
    </row>
    <row r="28" spans="1:14" s="68" customFormat="1" ht="39.6" x14ac:dyDescent="0.2">
      <c r="A28" s="4" t="s">
        <v>936</v>
      </c>
      <c r="B28" s="4" t="s">
        <v>987</v>
      </c>
      <c r="C28" s="7" t="s">
        <v>99</v>
      </c>
      <c r="D28" s="4" t="s">
        <v>988</v>
      </c>
      <c r="E28" s="9">
        <v>45969</v>
      </c>
      <c r="F28" s="9">
        <v>45969</v>
      </c>
      <c r="G28" s="39" t="s">
        <v>989</v>
      </c>
      <c r="H28" s="39" t="s">
        <v>940</v>
      </c>
      <c r="I28" s="39" t="s">
        <v>979</v>
      </c>
      <c r="J28" s="39" t="s">
        <v>980</v>
      </c>
      <c r="K28" s="39" t="s">
        <v>981</v>
      </c>
      <c r="L28" s="10" t="s">
        <v>174</v>
      </c>
      <c r="M28" s="39" t="s">
        <v>983</v>
      </c>
      <c r="N28" s="160"/>
    </row>
    <row r="29" spans="1:14" s="68" customFormat="1" ht="76.2" customHeight="1" x14ac:dyDescent="0.2">
      <c r="A29" s="4" t="s">
        <v>936</v>
      </c>
      <c r="B29" s="4" t="s">
        <v>997</v>
      </c>
      <c r="C29" s="7" t="s">
        <v>99</v>
      </c>
      <c r="D29" s="4" t="s">
        <v>998</v>
      </c>
      <c r="E29" s="9">
        <v>45969</v>
      </c>
      <c r="F29" s="9">
        <v>45969</v>
      </c>
      <c r="G29" s="39" t="s">
        <v>992</v>
      </c>
      <c r="H29" s="39" t="s">
        <v>993</v>
      </c>
      <c r="I29" s="39" t="s">
        <v>994</v>
      </c>
      <c r="J29" s="39" t="s">
        <v>999</v>
      </c>
      <c r="K29" s="39" t="s">
        <v>61</v>
      </c>
      <c r="L29" s="10" t="s">
        <v>62</v>
      </c>
      <c r="M29" s="39" t="s">
        <v>994</v>
      </c>
      <c r="N29" s="160"/>
    </row>
    <row r="30" spans="1:14" s="68" customFormat="1" ht="79.2" x14ac:dyDescent="0.2">
      <c r="A30" s="4" t="s">
        <v>2</v>
      </c>
      <c r="B30" s="220" t="s">
        <v>2265</v>
      </c>
      <c r="C30" s="7" t="s">
        <v>89</v>
      </c>
      <c r="D30" s="4" t="s">
        <v>1007</v>
      </c>
      <c r="E30" s="9">
        <v>45969</v>
      </c>
      <c r="F30" s="9">
        <v>45969</v>
      </c>
      <c r="G30" s="39" t="s">
        <v>1002</v>
      </c>
      <c r="H30" s="39" t="s">
        <v>1003</v>
      </c>
      <c r="I30" s="39" t="s">
        <v>1004</v>
      </c>
      <c r="J30" s="39" t="s">
        <v>1008</v>
      </c>
      <c r="K30" s="39" t="s">
        <v>61</v>
      </c>
      <c r="L30" s="10" t="s">
        <v>62</v>
      </c>
      <c r="M30" s="39" t="s">
        <v>1004</v>
      </c>
      <c r="N30" s="160"/>
    </row>
    <row r="31" spans="1:14" s="68" customFormat="1" ht="52.8" x14ac:dyDescent="0.2">
      <c r="A31" s="4" t="s">
        <v>2</v>
      </c>
      <c r="B31" s="4" t="s">
        <v>1021</v>
      </c>
      <c r="C31" s="7" t="s">
        <v>99</v>
      </c>
      <c r="D31" s="4" t="s">
        <v>1022</v>
      </c>
      <c r="E31" s="9">
        <v>45969</v>
      </c>
      <c r="F31" s="9">
        <v>45969</v>
      </c>
      <c r="G31" s="97" t="s">
        <v>1023</v>
      </c>
      <c r="H31" s="39" t="s">
        <v>1018</v>
      </c>
      <c r="I31" s="39" t="s">
        <v>1013</v>
      </c>
      <c r="J31" s="39" t="s">
        <v>1024</v>
      </c>
      <c r="K31" s="39" t="s">
        <v>61</v>
      </c>
      <c r="L31" s="10" t="s">
        <v>85</v>
      </c>
      <c r="M31" s="39" t="s">
        <v>1013</v>
      </c>
      <c r="N31" s="160"/>
    </row>
    <row r="32" spans="1:14" s="68" customFormat="1" ht="79.95" customHeight="1" x14ac:dyDescent="0.2">
      <c r="A32" s="4" t="s">
        <v>2</v>
      </c>
      <c r="B32" s="4" t="s">
        <v>1834</v>
      </c>
      <c r="C32" s="7" t="s">
        <v>41</v>
      </c>
      <c r="D32" s="4" t="s">
        <v>1835</v>
      </c>
      <c r="E32" s="9">
        <v>45969</v>
      </c>
      <c r="F32" s="9">
        <v>45970</v>
      </c>
      <c r="G32" s="39" t="s">
        <v>1836</v>
      </c>
      <c r="H32" s="39" t="s">
        <v>1837</v>
      </c>
      <c r="I32" s="39" t="s">
        <v>1570</v>
      </c>
      <c r="J32" s="39" t="s">
        <v>1790</v>
      </c>
      <c r="K32" s="39" t="s">
        <v>70</v>
      </c>
      <c r="L32" s="10" t="s">
        <v>62</v>
      </c>
      <c r="M32" s="39" t="s">
        <v>1791</v>
      </c>
      <c r="N32" s="159" t="s">
        <v>1838</v>
      </c>
    </row>
    <row r="33" spans="1:14" s="68" customFormat="1" ht="52.8" x14ac:dyDescent="0.2">
      <c r="A33" s="4" t="s">
        <v>936</v>
      </c>
      <c r="B33" s="4" t="s">
        <v>953</v>
      </c>
      <c r="C33" s="7" t="s">
        <v>600</v>
      </c>
      <c r="D33" s="4" t="s">
        <v>954</v>
      </c>
      <c r="E33" s="9">
        <v>45970</v>
      </c>
      <c r="F33" s="9">
        <v>45970</v>
      </c>
      <c r="G33" s="39" t="s">
        <v>939</v>
      </c>
      <c r="H33" s="39" t="s">
        <v>940</v>
      </c>
      <c r="I33" s="39" t="s">
        <v>955</v>
      </c>
      <c r="J33" s="39" t="s">
        <v>60</v>
      </c>
      <c r="K33" s="39" t="s">
        <v>61</v>
      </c>
      <c r="L33" s="10" t="s">
        <v>85</v>
      </c>
      <c r="M33" s="39" t="s">
        <v>942</v>
      </c>
      <c r="N33" s="160"/>
    </row>
    <row r="34" spans="1:14" s="68" customFormat="1" ht="52.8" x14ac:dyDescent="0.2">
      <c r="A34" s="4" t="s">
        <v>2</v>
      </c>
      <c r="B34" s="4" t="s">
        <v>1025</v>
      </c>
      <c r="C34" s="7" t="s">
        <v>99</v>
      </c>
      <c r="D34" s="4" t="s">
        <v>1026</v>
      </c>
      <c r="E34" s="9">
        <v>45977</v>
      </c>
      <c r="F34" s="9">
        <v>45977</v>
      </c>
      <c r="G34" s="97" t="s">
        <v>1023</v>
      </c>
      <c r="H34" s="39" t="s">
        <v>1018</v>
      </c>
      <c r="I34" s="39" t="s">
        <v>1013</v>
      </c>
      <c r="J34" s="39" t="s">
        <v>1027</v>
      </c>
      <c r="K34" s="39" t="s">
        <v>61</v>
      </c>
      <c r="L34" s="10" t="s">
        <v>62</v>
      </c>
      <c r="M34" s="39" t="s">
        <v>1013</v>
      </c>
      <c r="N34" s="160"/>
    </row>
    <row r="35" spans="1:14" s="68" customFormat="1" ht="145.80000000000001" x14ac:dyDescent="0.2">
      <c r="A35" s="14" t="s">
        <v>2</v>
      </c>
      <c r="B35" s="14" t="s">
        <v>1820</v>
      </c>
      <c r="C35" s="16" t="s">
        <v>600</v>
      </c>
      <c r="D35" s="14" t="s">
        <v>1821</v>
      </c>
      <c r="E35" s="33">
        <v>45977</v>
      </c>
      <c r="F35" s="33">
        <v>45977</v>
      </c>
      <c r="G35" s="13" t="s">
        <v>1822</v>
      </c>
      <c r="H35" s="13" t="s">
        <v>1823</v>
      </c>
      <c r="I35" s="13" t="s">
        <v>1824</v>
      </c>
      <c r="J35" s="13" t="s">
        <v>60</v>
      </c>
      <c r="K35" s="13" t="s">
        <v>61</v>
      </c>
      <c r="L35" s="17" t="s">
        <v>85</v>
      </c>
      <c r="M35" s="13" t="s">
        <v>1824</v>
      </c>
      <c r="N35" s="163" t="s">
        <v>1825</v>
      </c>
    </row>
    <row r="36" spans="1:14" s="68" customFormat="1" ht="113.4" x14ac:dyDescent="0.2">
      <c r="A36" s="14" t="s">
        <v>2</v>
      </c>
      <c r="B36" s="14" t="s">
        <v>1830</v>
      </c>
      <c r="C36" s="16" t="s">
        <v>600</v>
      </c>
      <c r="D36" s="14" t="s">
        <v>1831</v>
      </c>
      <c r="E36" s="13" t="s">
        <v>1832</v>
      </c>
      <c r="F36" s="33"/>
      <c r="G36" s="13" t="s">
        <v>1822</v>
      </c>
      <c r="H36" s="13" t="s">
        <v>1823</v>
      </c>
      <c r="I36" s="13" t="s">
        <v>1824</v>
      </c>
      <c r="J36" s="13" t="s">
        <v>60</v>
      </c>
      <c r="K36" s="13" t="s">
        <v>70</v>
      </c>
      <c r="L36" s="17" t="s">
        <v>85</v>
      </c>
      <c r="M36" s="13" t="s">
        <v>1824</v>
      </c>
      <c r="N36" s="163" t="s">
        <v>1829</v>
      </c>
    </row>
    <row r="37" spans="1:14" ht="113.4" x14ac:dyDescent="0.2">
      <c r="A37" s="14" t="s">
        <v>2</v>
      </c>
      <c r="B37" s="14" t="s">
        <v>1830</v>
      </c>
      <c r="C37" s="16" t="s">
        <v>600</v>
      </c>
      <c r="D37" s="14" t="s">
        <v>1831</v>
      </c>
      <c r="E37" s="13" t="s">
        <v>1833</v>
      </c>
      <c r="F37" s="33"/>
      <c r="G37" s="13" t="s">
        <v>1822</v>
      </c>
      <c r="H37" s="13" t="s">
        <v>1823</v>
      </c>
      <c r="I37" s="13" t="s">
        <v>1824</v>
      </c>
      <c r="J37" s="13" t="s">
        <v>60</v>
      </c>
      <c r="K37" s="13" t="s">
        <v>70</v>
      </c>
      <c r="L37" s="17" t="s">
        <v>85</v>
      </c>
      <c r="M37" s="13" t="s">
        <v>1824</v>
      </c>
      <c r="N37" s="164" t="s">
        <v>1829</v>
      </c>
    </row>
    <row r="38" spans="1:14" ht="113.4" x14ac:dyDescent="0.2">
      <c r="A38" s="14" t="s">
        <v>2</v>
      </c>
      <c r="B38" s="14" t="s">
        <v>1826</v>
      </c>
      <c r="C38" s="16" t="s">
        <v>600</v>
      </c>
      <c r="D38" s="14" t="s">
        <v>1827</v>
      </c>
      <c r="E38" s="13" t="s">
        <v>1828</v>
      </c>
      <c r="F38" s="33"/>
      <c r="G38" s="13" t="s">
        <v>1822</v>
      </c>
      <c r="H38" s="13" t="s">
        <v>1823</v>
      </c>
      <c r="I38" s="13" t="s">
        <v>1824</v>
      </c>
      <c r="J38" s="13" t="s">
        <v>60</v>
      </c>
      <c r="K38" s="13" t="s">
        <v>70</v>
      </c>
      <c r="L38" s="17" t="s">
        <v>85</v>
      </c>
      <c r="M38" s="13" t="s">
        <v>1824</v>
      </c>
      <c r="N38" s="164" t="s">
        <v>1829</v>
      </c>
    </row>
  </sheetData>
  <autoFilter ref="A2:N38">
    <sortState ref="A3:N38">
      <sortCondition ref="E2:E36"/>
    </sortState>
  </autoFilter>
  <mergeCells count="1">
    <mergeCell ref="A1:N1"/>
  </mergeCells>
  <phoneticPr fontId="2"/>
  <dataValidations count="3">
    <dataValidation type="list" allowBlank="1" showInputMessage="1" showErrorMessage="1" sqref="K3:K38">
      <formula1>"有料,無料,その他"</formula1>
    </dataValidation>
    <dataValidation allowBlank="1" showInputMessage="1" showErrorMessage="1" sqref="E37:F38"/>
    <dataValidation type="list" allowBlank="1" showInputMessage="1" showErrorMessage="1" sqref="L37:L38">
      <formula1>"要,不要"</formula1>
    </dataValidation>
  </dataValidations>
  <hyperlinks>
    <hyperlink ref="N5" r:id="rId1"/>
    <hyperlink ref="N7" r:id="rId2"/>
    <hyperlink ref="N10" r:id="rId3"/>
    <hyperlink ref="N12" r:id="rId4"/>
    <hyperlink ref="N14" r:id="rId5"/>
    <hyperlink ref="N15" r:id="rId6"/>
    <hyperlink ref="N18" r:id="rId7"/>
    <hyperlink ref="N32" r:id="rId8"/>
    <hyperlink ref="N35" r:id="rId9"/>
    <hyperlink ref="N36" r:id="rId10"/>
    <hyperlink ref="N37" r:id="rId11"/>
    <hyperlink ref="N38" r:id="rId12"/>
  </hyperlinks>
  <pageMargins left="0.23622047244094491" right="0.23622047244094491" top="0.74803149606299213" bottom="0.74803149606299213" header="0.31496062992125984" footer="0.31496062992125984"/>
  <pageSetup paperSize="9" scale="50" fitToHeight="0" orientation="portrait" r:id="rId1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0">
    <pageSetUpPr fitToPage="1"/>
  </sheetPr>
  <dimension ref="A1:N32"/>
  <sheetViews>
    <sheetView zoomScale="80" zoomScaleNormal="80" workbookViewId="0">
      <pane ySplit="2" topLeftCell="A3" activePane="bottomLeft" state="frozen"/>
      <selection activeCell="Q5" sqref="Q5"/>
      <selection pane="bottomLeft" activeCell="N4" sqref="N4"/>
    </sheetView>
  </sheetViews>
  <sheetFormatPr defaultColWidth="8.77734375" defaultRowHeight="13.2" x14ac:dyDescent="0.2"/>
  <cols>
    <col min="1" max="1" width="11.6640625" style="64" bestFit="1" customWidth="1"/>
    <col min="2" max="2" width="17.21875" style="64" customWidth="1"/>
    <col min="3" max="3" width="14.109375" style="64" customWidth="1"/>
    <col min="4" max="4" width="31.6640625" style="64" customWidth="1"/>
    <col min="5" max="6" width="11.77734375" style="64" customWidth="1"/>
    <col min="7" max="7" width="13.21875" style="64" customWidth="1"/>
    <col min="8" max="8" width="12.77734375" style="64" customWidth="1"/>
    <col min="9" max="9" width="14.109375" style="64" customWidth="1"/>
    <col min="10" max="10" width="15.77734375" style="64" customWidth="1"/>
    <col min="11" max="11" width="8.77734375" style="64"/>
    <col min="12" max="12" width="10.88671875" style="64" customWidth="1"/>
    <col min="13" max="13" width="15" style="64" customWidth="1"/>
    <col min="14" max="14" width="8.77734375" style="162"/>
    <col min="15" max="16384" width="8.77734375" style="64"/>
  </cols>
  <sheetData>
    <row r="1" spans="1:14" ht="49.95" customHeight="1" x14ac:dyDescent="0.2">
      <c r="A1" s="236" t="s">
        <v>2167</v>
      </c>
      <c r="B1" s="236"/>
      <c r="C1" s="236"/>
      <c r="D1" s="236"/>
      <c r="E1" s="236"/>
      <c r="F1" s="236"/>
      <c r="G1" s="236"/>
      <c r="H1" s="236"/>
      <c r="I1" s="236"/>
      <c r="J1" s="236"/>
      <c r="K1" s="236"/>
      <c r="L1" s="236"/>
      <c r="M1" s="236"/>
      <c r="N1" s="236"/>
    </row>
    <row r="2" spans="1:14" ht="27" thickBot="1" x14ac:dyDescent="0.25">
      <c r="A2" s="61" t="s">
        <v>0</v>
      </c>
      <c r="B2" s="61" t="s">
        <v>44</v>
      </c>
      <c r="C2" s="61" t="s">
        <v>45</v>
      </c>
      <c r="D2" s="61" t="s">
        <v>2168</v>
      </c>
      <c r="E2" s="61" t="s">
        <v>46</v>
      </c>
      <c r="F2" s="61" t="s">
        <v>47</v>
      </c>
      <c r="G2" s="61" t="s">
        <v>43</v>
      </c>
      <c r="H2" s="61" t="s">
        <v>52</v>
      </c>
      <c r="I2" s="61" t="s">
        <v>53</v>
      </c>
      <c r="J2" s="62" t="s">
        <v>48</v>
      </c>
      <c r="K2" s="61" t="s">
        <v>49</v>
      </c>
      <c r="L2" s="62" t="s">
        <v>50</v>
      </c>
      <c r="M2" s="61" t="s">
        <v>2170</v>
      </c>
      <c r="N2" s="63" t="s">
        <v>51</v>
      </c>
    </row>
    <row r="3" spans="1:14" s="68" customFormat="1" ht="162.6" thickTop="1" x14ac:dyDescent="0.2">
      <c r="A3" s="11" t="s">
        <v>3</v>
      </c>
      <c r="B3" s="11" t="s">
        <v>437</v>
      </c>
      <c r="C3" s="12" t="s">
        <v>55</v>
      </c>
      <c r="D3" s="11" t="s">
        <v>438</v>
      </c>
      <c r="E3" s="69">
        <v>45920</v>
      </c>
      <c r="F3" s="69">
        <v>45920</v>
      </c>
      <c r="G3" s="50" t="s">
        <v>439</v>
      </c>
      <c r="H3" s="50" t="s">
        <v>440</v>
      </c>
      <c r="I3" s="49" t="s">
        <v>441</v>
      </c>
      <c r="J3" s="50" t="s">
        <v>442</v>
      </c>
      <c r="K3" s="50" t="s">
        <v>70</v>
      </c>
      <c r="L3" s="70" t="s">
        <v>62</v>
      </c>
      <c r="M3" s="50" t="s">
        <v>443</v>
      </c>
      <c r="N3" s="159" t="s">
        <v>444</v>
      </c>
    </row>
    <row r="4" spans="1:14" s="68" customFormat="1" ht="81" x14ac:dyDescent="0.2">
      <c r="A4" s="4" t="s">
        <v>3</v>
      </c>
      <c r="B4" s="4" t="s">
        <v>1030</v>
      </c>
      <c r="C4" s="7" t="s">
        <v>600</v>
      </c>
      <c r="D4" s="4" t="s">
        <v>1031</v>
      </c>
      <c r="E4" s="9">
        <v>45921</v>
      </c>
      <c r="F4" s="9">
        <v>45921</v>
      </c>
      <c r="G4" s="39" t="s">
        <v>1032</v>
      </c>
      <c r="H4" s="39" t="s">
        <v>1033</v>
      </c>
      <c r="I4" s="39" t="s">
        <v>1034</v>
      </c>
      <c r="J4" s="39" t="s">
        <v>115</v>
      </c>
      <c r="K4" s="39" t="s">
        <v>61</v>
      </c>
      <c r="L4" s="10" t="s">
        <v>116</v>
      </c>
      <c r="M4" s="39" t="s">
        <v>1034</v>
      </c>
      <c r="N4" s="159" t="s">
        <v>1035</v>
      </c>
    </row>
    <row r="5" spans="1:14" s="68" customFormat="1" ht="162" x14ac:dyDescent="0.2">
      <c r="A5" s="11" t="s">
        <v>3</v>
      </c>
      <c r="B5" s="11" t="s">
        <v>445</v>
      </c>
      <c r="C5" s="12" t="s">
        <v>55</v>
      </c>
      <c r="D5" s="11" t="s">
        <v>446</v>
      </c>
      <c r="E5" s="69">
        <v>45927</v>
      </c>
      <c r="F5" s="69">
        <v>45927</v>
      </c>
      <c r="G5" s="50" t="s">
        <v>439</v>
      </c>
      <c r="H5" s="50" t="s">
        <v>440</v>
      </c>
      <c r="I5" s="49" t="s">
        <v>441</v>
      </c>
      <c r="J5" s="50" t="s">
        <v>447</v>
      </c>
      <c r="K5" s="50" t="s">
        <v>61</v>
      </c>
      <c r="L5" s="70" t="s">
        <v>62</v>
      </c>
      <c r="M5" s="50" t="s">
        <v>443</v>
      </c>
      <c r="N5" s="159" t="s">
        <v>448</v>
      </c>
    </row>
    <row r="6" spans="1:14" s="68" customFormat="1" ht="194.4" x14ac:dyDescent="0.2">
      <c r="A6" s="6" t="s">
        <v>3</v>
      </c>
      <c r="B6" s="4" t="s">
        <v>1047</v>
      </c>
      <c r="C6" s="7" t="s">
        <v>55</v>
      </c>
      <c r="D6" s="4" t="s">
        <v>1048</v>
      </c>
      <c r="E6" s="9">
        <v>45927</v>
      </c>
      <c r="F6" s="9">
        <v>45928</v>
      </c>
      <c r="G6" s="39" t="s">
        <v>1049</v>
      </c>
      <c r="H6" s="39" t="s">
        <v>452</v>
      </c>
      <c r="I6" s="39" t="s">
        <v>1050</v>
      </c>
      <c r="J6" s="39" t="s">
        <v>1051</v>
      </c>
      <c r="K6" s="39" t="s">
        <v>70</v>
      </c>
      <c r="L6" s="10" t="s">
        <v>62</v>
      </c>
      <c r="M6" s="39" t="s">
        <v>1052</v>
      </c>
      <c r="N6" s="159" t="s">
        <v>1053</v>
      </c>
    </row>
    <row r="7" spans="1:14" s="68" customFormat="1" ht="162" x14ac:dyDescent="0.2">
      <c r="A7" s="11" t="s">
        <v>3</v>
      </c>
      <c r="B7" s="11" t="s">
        <v>449</v>
      </c>
      <c r="C7" s="12" t="s">
        <v>55</v>
      </c>
      <c r="D7" s="11" t="s">
        <v>450</v>
      </c>
      <c r="E7" s="69">
        <v>45928</v>
      </c>
      <c r="F7" s="69">
        <v>45928</v>
      </c>
      <c r="G7" s="50" t="s">
        <v>451</v>
      </c>
      <c r="H7" s="50" t="s">
        <v>452</v>
      </c>
      <c r="I7" s="49" t="s">
        <v>441</v>
      </c>
      <c r="J7" s="50" t="s">
        <v>453</v>
      </c>
      <c r="K7" s="50" t="s">
        <v>70</v>
      </c>
      <c r="L7" s="70" t="s">
        <v>62</v>
      </c>
      <c r="M7" s="50" t="s">
        <v>443</v>
      </c>
      <c r="N7" s="159" t="s">
        <v>454</v>
      </c>
    </row>
    <row r="8" spans="1:14" s="68" customFormat="1" ht="162" x14ac:dyDescent="0.2">
      <c r="A8" s="11" t="s">
        <v>3</v>
      </c>
      <c r="B8" s="11" t="s">
        <v>455</v>
      </c>
      <c r="C8" s="12" t="s">
        <v>55</v>
      </c>
      <c r="D8" s="11" t="s">
        <v>456</v>
      </c>
      <c r="E8" s="69">
        <v>45928</v>
      </c>
      <c r="F8" s="69">
        <v>45984</v>
      </c>
      <c r="G8" s="50" t="s">
        <v>439</v>
      </c>
      <c r="H8" s="50" t="s">
        <v>440</v>
      </c>
      <c r="I8" s="49" t="s">
        <v>441</v>
      </c>
      <c r="J8" s="50" t="s">
        <v>457</v>
      </c>
      <c r="K8" s="50" t="s">
        <v>70</v>
      </c>
      <c r="L8" s="70" t="s">
        <v>62</v>
      </c>
      <c r="M8" s="50" t="s">
        <v>443</v>
      </c>
      <c r="N8" s="159" t="s">
        <v>458</v>
      </c>
    </row>
    <row r="9" spans="1:14" s="68" customFormat="1" ht="66" x14ac:dyDescent="0.2">
      <c r="A9" s="11" t="s">
        <v>3</v>
      </c>
      <c r="B9" s="11" t="s">
        <v>1839</v>
      </c>
      <c r="C9" s="12" t="s">
        <v>600</v>
      </c>
      <c r="D9" s="11" t="s">
        <v>1840</v>
      </c>
      <c r="E9" s="69">
        <v>45934</v>
      </c>
      <c r="F9" s="69">
        <v>45934</v>
      </c>
      <c r="G9" s="50" t="s">
        <v>1841</v>
      </c>
      <c r="H9" s="50" t="s">
        <v>1842</v>
      </c>
      <c r="I9" s="50" t="s">
        <v>1797</v>
      </c>
      <c r="J9" s="50" t="s">
        <v>1798</v>
      </c>
      <c r="K9" s="50" t="s">
        <v>61</v>
      </c>
      <c r="L9" s="70" t="s">
        <v>85</v>
      </c>
      <c r="M9" s="50" t="s">
        <v>1799</v>
      </c>
      <c r="N9" s="160"/>
    </row>
    <row r="10" spans="1:14" s="68" customFormat="1" ht="162" x14ac:dyDescent="0.2">
      <c r="A10" s="11" t="s">
        <v>3</v>
      </c>
      <c r="B10" s="11" t="s">
        <v>459</v>
      </c>
      <c r="C10" s="12" t="s">
        <v>55</v>
      </c>
      <c r="D10" s="11" t="s">
        <v>460</v>
      </c>
      <c r="E10" s="69">
        <v>45934</v>
      </c>
      <c r="F10" s="69">
        <v>45935</v>
      </c>
      <c r="G10" s="50" t="s">
        <v>461</v>
      </c>
      <c r="H10" s="50" t="s">
        <v>462</v>
      </c>
      <c r="I10" s="49" t="s">
        <v>441</v>
      </c>
      <c r="J10" s="50" t="s">
        <v>463</v>
      </c>
      <c r="K10" s="50" t="s">
        <v>70</v>
      </c>
      <c r="L10" s="70" t="s">
        <v>62</v>
      </c>
      <c r="M10" s="50" t="s">
        <v>443</v>
      </c>
      <c r="N10" s="159" t="s">
        <v>464</v>
      </c>
    </row>
    <row r="11" spans="1:14" s="68" customFormat="1" ht="162" x14ac:dyDescent="0.2">
      <c r="A11" s="11" t="s">
        <v>3</v>
      </c>
      <c r="B11" s="11" t="s">
        <v>465</v>
      </c>
      <c r="C11" s="12" t="s">
        <v>55</v>
      </c>
      <c r="D11" s="11" t="s">
        <v>466</v>
      </c>
      <c r="E11" s="69">
        <v>45935</v>
      </c>
      <c r="F11" s="69">
        <v>45935</v>
      </c>
      <c r="G11" s="50" t="s">
        <v>439</v>
      </c>
      <c r="H11" s="50" t="s">
        <v>440</v>
      </c>
      <c r="I11" s="49" t="s">
        <v>441</v>
      </c>
      <c r="J11" s="50" t="s">
        <v>467</v>
      </c>
      <c r="K11" s="50" t="s">
        <v>61</v>
      </c>
      <c r="L11" s="70" t="s">
        <v>62</v>
      </c>
      <c r="M11" s="50" t="s">
        <v>443</v>
      </c>
      <c r="N11" s="159" t="s">
        <v>468</v>
      </c>
    </row>
    <row r="12" spans="1:14" s="68" customFormat="1" ht="162" x14ac:dyDescent="0.2">
      <c r="A12" s="11" t="s">
        <v>3</v>
      </c>
      <c r="B12" s="11" t="s">
        <v>469</v>
      </c>
      <c r="C12" s="12" t="s">
        <v>55</v>
      </c>
      <c r="D12" s="11" t="s">
        <v>470</v>
      </c>
      <c r="E12" s="69">
        <v>45935</v>
      </c>
      <c r="F12" s="69">
        <v>45935</v>
      </c>
      <c r="G12" s="50" t="s">
        <v>471</v>
      </c>
      <c r="H12" s="50" t="s">
        <v>472</v>
      </c>
      <c r="I12" s="49" t="s">
        <v>441</v>
      </c>
      <c r="J12" s="50" t="s">
        <v>473</v>
      </c>
      <c r="K12" s="50" t="s">
        <v>70</v>
      </c>
      <c r="L12" s="70" t="s">
        <v>62</v>
      </c>
      <c r="M12" s="50" t="s">
        <v>443</v>
      </c>
      <c r="N12" s="159" t="s">
        <v>474</v>
      </c>
    </row>
    <row r="13" spans="1:14" s="68" customFormat="1" ht="81" x14ac:dyDescent="0.2">
      <c r="A13" s="11" t="s">
        <v>1054</v>
      </c>
      <c r="B13" s="11" t="s">
        <v>1845</v>
      </c>
      <c r="C13" s="12" t="s">
        <v>99</v>
      </c>
      <c r="D13" s="11" t="s">
        <v>1846</v>
      </c>
      <c r="E13" s="69">
        <v>45942</v>
      </c>
      <c r="F13" s="69">
        <v>45942</v>
      </c>
      <c r="G13" s="50" t="s">
        <v>1847</v>
      </c>
      <c r="H13" s="50" t="s">
        <v>1518</v>
      </c>
      <c r="I13" s="49" t="s">
        <v>1848</v>
      </c>
      <c r="J13" s="50" t="s">
        <v>60</v>
      </c>
      <c r="K13" s="50" t="s">
        <v>61</v>
      </c>
      <c r="L13" s="70" t="s">
        <v>62</v>
      </c>
      <c r="M13" s="50" t="s">
        <v>1849</v>
      </c>
      <c r="N13" s="159" t="s">
        <v>1850</v>
      </c>
    </row>
    <row r="14" spans="1:14" s="68" customFormat="1" ht="105.6" x14ac:dyDescent="0.2">
      <c r="A14" s="14" t="s">
        <v>3</v>
      </c>
      <c r="B14" s="14" t="s">
        <v>1862</v>
      </c>
      <c r="C14" s="16" t="s">
        <v>99</v>
      </c>
      <c r="D14" s="14" t="s">
        <v>1863</v>
      </c>
      <c r="E14" s="33">
        <v>45942</v>
      </c>
      <c r="F14" s="33">
        <v>45942</v>
      </c>
      <c r="G14" s="13" t="s">
        <v>1854</v>
      </c>
      <c r="H14" s="13" t="s">
        <v>1855</v>
      </c>
      <c r="I14" s="13" t="s">
        <v>1856</v>
      </c>
      <c r="J14" s="13" t="s">
        <v>554</v>
      </c>
      <c r="K14" s="13" t="s">
        <v>419</v>
      </c>
      <c r="L14" s="17" t="s">
        <v>62</v>
      </c>
      <c r="M14" s="13" t="s">
        <v>1857</v>
      </c>
      <c r="N14" s="163" t="s">
        <v>1858</v>
      </c>
    </row>
    <row r="15" spans="1:14" s="68" customFormat="1" ht="162" x14ac:dyDescent="0.2">
      <c r="A15" s="11" t="s">
        <v>3</v>
      </c>
      <c r="B15" s="11" t="s">
        <v>475</v>
      </c>
      <c r="C15" s="12" t="s">
        <v>55</v>
      </c>
      <c r="D15" s="11" t="s">
        <v>476</v>
      </c>
      <c r="E15" s="69">
        <v>45948</v>
      </c>
      <c r="F15" s="69">
        <v>45948</v>
      </c>
      <c r="G15" s="50" t="s">
        <v>439</v>
      </c>
      <c r="H15" s="50" t="s">
        <v>440</v>
      </c>
      <c r="I15" s="49" t="s">
        <v>441</v>
      </c>
      <c r="J15" s="50" t="s">
        <v>477</v>
      </c>
      <c r="K15" s="50" t="s">
        <v>70</v>
      </c>
      <c r="L15" s="70" t="s">
        <v>62</v>
      </c>
      <c r="M15" s="50" t="s">
        <v>443</v>
      </c>
      <c r="N15" s="159" t="s">
        <v>478</v>
      </c>
    </row>
    <row r="16" spans="1:14" s="68" customFormat="1" ht="162" x14ac:dyDescent="0.2">
      <c r="A16" s="11" t="s">
        <v>3</v>
      </c>
      <c r="B16" s="11" t="s">
        <v>479</v>
      </c>
      <c r="C16" s="12" t="s">
        <v>55</v>
      </c>
      <c r="D16" s="11" t="s">
        <v>480</v>
      </c>
      <c r="E16" s="69">
        <v>45948</v>
      </c>
      <c r="F16" s="69">
        <v>45948</v>
      </c>
      <c r="G16" s="50" t="s">
        <v>481</v>
      </c>
      <c r="H16" s="50" t="s">
        <v>472</v>
      </c>
      <c r="I16" s="49" t="s">
        <v>441</v>
      </c>
      <c r="J16" s="50" t="s">
        <v>453</v>
      </c>
      <c r="K16" s="50" t="s">
        <v>70</v>
      </c>
      <c r="L16" s="70" t="s">
        <v>62</v>
      </c>
      <c r="M16" s="50" t="s">
        <v>443</v>
      </c>
      <c r="N16" s="159" t="s">
        <v>482</v>
      </c>
    </row>
    <row r="17" spans="1:14" s="68" customFormat="1" ht="162" x14ac:dyDescent="0.2">
      <c r="A17" s="11" t="s">
        <v>3</v>
      </c>
      <c r="B17" s="11" t="s">
        <v>483</v>
      </c>
      <c r="C17" s="12" t="s">
        <v>55</v>
      </c>
      <c r="D17" s="11" t="s">
        <v>484</v>
      </c>
      <c r="E17" s="69">
        <v>45949</v>
      </c>
      <c r="F17" s="69">
        <v>45949</v>
      </c>
      <c r="G17" s="50" t="s">
        <v>485</v>
      </c>
      <c r="H17" s="50" t="s">
        <v>472</v>
      </c>
      <c r="I17" s="49" t="s">
        <v>441</v>
      </c>
      <c r="J17" s="50" t="s">
        <v>473</v>
      </c>
      <c r="K17" s="50" t="s">
        <v>70</v>
      </c>
      <c r="L17" s="70" t="s">
        <v>62</v>
      </c>
      <c r="M17" s="50" t="s">
        <v>443</v>
      </c>
      <c r="N17" s="159" t="s">
        <v>486</v>
      </c>
    </row>
    <row r="18" spans="1:14" s="68" customFormat="1" ht="66" x14ac:dyDescent="0.2">
      <c r="A18" s="4" t="s">
        <v>3</v>
      </c>
      <c r="B18" s="4" t="s">
        <v>1040</v>
      </c>
      <c r="C18" s="7" t="s">
        <v>99</v>
      </c>
      <c r="D18" s="4" t="s">
        <v>1041</v>
      </c>
      <c r="E18" s="9">
        <v>45949</v>
      </c>
      <c r="F18" s="9">
        <v>45949</v>
      </c>
      <c r="G18" s="39" t="s">
        <v>1042</v>
      </c>
      <c r="H18" s="39" t="s">
        <v>1043</v>
      </c>
      <c r="I18" s="39" t="s">
        <v>1044</v>
      </c>
      <c r="J18" s="39" t="s">
        <v>1045</v>
      </c>
      <c r="K18" s="39" t="s">
        <v>61</v>
      </c>
      <c r="L18" s="10" t="s">
        <v>85</v>
      </c>
      <c r="M18" s="39" t="s">
        <v>1046</v>
      </c>
      <c r="N18" s="160"/>
    </row>
    <row r="19" spans="1:14" s="68" customFormat="1" ht="129.6" x14ac:dyDescent="0.2">
      <c r="A19" s="11" t="s">
        <v>3</v>
      </c>
      <c r="B19" s="11" t="s">
        <v>2244</v>
      </c>
      <c r="C19" s="20" t="s">
        <v>600</v>
      </c>
      <c r="D19" s="220" t="s">
        <v>2261</v>
      </c>
      <c r="E19" s="69">
        <v>45949</v>
      </c>
      <c r="F19" s="69">
        <v>45949</v>
      </c>
      <c r="G19" s="220" t="s">
        <v>2246</v>
      </c>
      <c r="H19" s="220" t="s">
        <v>2266</v>
      </c>
      <c r="I19" s="220" t="s">
        <v>2248</v>
      </c>
      <c r="J19" s="50" t="s">
        <v>60</v>
      </c>
      <c r="K19" s="50" t="s">
        <v>61</v>
      </c>
      <c r="L19" s="220" t="s">
        <v>2267</v>
      </c>
      <c r="M19" s="220" t="s">
        <v>2260</v>
      </c>
      <c r="N19" s="2" t="s">
        <v>2245</v>
      </c>
    </row>
    <row r="20" spans="1:14" s="68" customFormat="1" ht="81" x14ac:dyDescent="0.2">
      <c r="A20" s="11" t="s">
        <v>1054</v>
      </c>
      <c r="B20" s="94" t="s">
        <v>1801</v>
      </c>
      <c r="C20" s="12" t="s">
        <v>55</v>
      </c>
      <c r="D20" s="94" t="s">
        <v>1802</v>
      </c>
      <c r="E20" s="69">
        <v>45955</v>
      </c>
      <c r="F20" s="69">
        <v>45955</v>
      </c>
      <c r="G20" s="50" t="s">
        <v>1843</v>
      </c>
      <c r="H20" s="50" t="s">
        <v>1844</v>
      </c>
      <c r="I20" s="50" t="s">
        <v>1805</v>
      </c>
      <c r="J20" s="50" t="s">
        <v>60</v>
      </c>
      <c r="K20" s="50" t="s">
        <v>61</v>
      </c>
      <c r="L20" s="70" t="s">
        <v>85</v>
      </c>
      <c r="M20" s="24" t="s">
        <v>1806</v>
      </c>
      <c r="N20" s="159" t="s">
        <v>1807</v>
      </c>
    </row>
    <row r="21" spans="1:14" s="68" customFormat="1" ht="162" x14ac:dyDescent="0.2">
      <c r="A21" s="11" t="s">
        <v>3</v>
      </c>
      <c r="B21" s="11" t="s">
        <v>487</v>
      </c>
      <c r="C21" s="12" t="s">
        <v>55</v>
      </c>
      <c r="D21" s="11" t="s">
        <v>488</v>
      </c>
      <c r="E21" s="69">
        <v>45963</v>
      </c>
      <c r="F21" s="69">
        <v>45963</v>
      </c>
      <c r="G21" s="50" t="s">
        <v>489</v>
      </c>
      <c r="H21" s="50" t="s">
        <v>472</v>
      </c>
      <c r="I21" s="49" t="s">
        <v>441</v>
      </c>
      <c r="J21" s="50" t="s">
        <v>490</v>
      </c>
      <c r="K21" s="50" t="s">
        <v>70</v>
      </c>
      <c r="L21" s="70" t="s">
        <v>62</v>
      </c>
      <c r="M21" s="50" t="s">
        <v>443</v>
      </c>
      <c r="N21" s="159" t="s">
        <v>491</v>
      </c>
    </row>
    <row r="22" spans="1:14" s="68" customFormat="1" ht="162" x14ac:dyDescent="0.2">
      <c r="A22" s="11" t="s">
        <v>3</v>
      </c>
      <c r="B22" s="11" t="s">
        <v>492</v>
      </c>
      <c r="C22" s="12" t="s">
        <v>55</v>
      </c>
      <c r="D22" s="11" t="s">
        <v>493</v>
      </c>
      <c r="E22" s="69">
        <v>45970</v>
      </c>
      <c r="F22" s="69">
        <v>45970</v>
      </c>
      <c r="G22" s="50" t="s">
        <v>439</v>
      </c>
      <c r="H22" s="50" t="s">
        <v>440</v>
      </c>
      <c r="I22" s="49" t="s">
        <v>441</v>
      </c>
      <c r="J22" s="50" t="s">
        <v>494</v>
      </c>
      <c r="K22" s="50" t="s">
        <v>70</v>
      </c>
      <c r="L22" s="70" t="s">
        <v>62</v>
      </c>
      <c r="M22" s="50" t="s">
        <v>443</v>
      </c>
      <c r="N22" s="159" t="s">
        <v>495</v>
      </c>
    </row>
    <row r="23" spans="1:14" s="68" customFormat="1" ht="162" x14ac:dyDescent="0.2">
      <c r="A23" s="11" t="s">
        <v>3</v>
      </c>
      <c r="B23" s="11" t="s">
        <v>496</v>
      </c>
      <c r="C23" s="12" t="s">
        <v>55</v>
      </c>
      <c r="D23" s="11" t="s">
        <v>497</v>
      </c>
      <c r="E23" s="69">
        <v>45970</v>
      </c>
      <c r="F23" s="69">
        <v>45970</v>
      </c>
      <c r="G23" s="50" t="s">
        <v>498</v>
      </c>
      <c r="H23" s="50" t="s">
        <v>472</v>
      </c>
      <c r="I23" s="49" t="s">
        <v>441</v>
      </c>
      <c r="J23" s="50" t="s">
        <v>499</v>
      </c>
      <c r="K23" s="50" t="s">
        <v>70</v>
      </c>
      <c r="L23" s="70" t="s">
        <v>62</v>
      </c>
      <c r="M23" s="50" t="s">
        <v>443</v>
      </c>
      <c r="N23" s="159" t="s">
        <v>500</v>
      </c>
    </row>
    <row r="24" spans="1:14" s="68" customFormat="1" ht="81" x14ac:dyDescent="0.2">
      <c r="A24" s="4" t="s">
        <v>3</v>
      </c>
      <c r="B24" s="4" t="s">
        <v>1036</v>
      </c>
      <c r="C24" s="7" t="s">
        <v>600</v>
      </c>
      <c r="D24" s="4" t="s">
        <v>1037</v>
      </c>
      <c r="E24" s="9">
        <v>45970</v>
      </c>
      <c r="F24" s="9">
        <v>45970</v>
      </c>
      <c r="G24" s="39" t="s">
        <v>1032</v>
      </c>
      <c r="H24" s="39" t="s">
        <v>1033</v>
      </c>
      <c r="I24" s="39" t="s">
        <v>1034</v>
      </c>
      <c r="J24" s="39" t="s">
        <v>1038</v>
      </c>
      <c r="K24" s="39" t="s">
        <v>61</v>
      </c>
      <c r="L24" s="10" t="s">
        <v>62</v>
      </c>
      <c r="M24" s="39" t="s">
        <v>1034</v>
      </c>
      <c r="N24" s="159" t="s">
        <v>1039</v>
      </c>
    </row>
    <row r="25" spans="1:14" s="68" customFormat="1" ht="39.6" x14ac:dyDescent="0.2">
      <c r="A25" s="4" t="s">
        <v>1054</v>
      </c>
      <c r="B25" s="95" t="s">
        <v>1055</v>
      </c>
      <c r="C25" s="7" t="s">
        <v>99</v>
      </c>
      <c r="D25" s="4" t="s">
        <v>1056</v>
      </c>
      <c r="E25" s="9">
        <v>45970</v>
      </c>
      <c r="F25" s="9">
        <v>45970</v>
      </c>
      <c r="G25" s="39" t="s">
        <v>1057</v>
      </c>
      <c r="H25" s="39" t="s">
        <v>1058</v>
      </c>
      <c r="I25" s="39" t="s">
        <v>1059</v>
      </c>
      <c r="J25" s="39" t="s">
        <v>60</v>
      </c>
      <c r="K25" s="39" t="s">
        <v>61</v>
      </c>
      <c r="L25" s="10" t="s">
        <v>85</v>
      </c>
      <c r="M25" s="39" t="s">
        <v>1060</v>
      </c>
      <c r="N25" s="160"/>
    </row>
    <row r="26" spans="1:14" s="68" customFormat="1" ht="162" x14ac:dyDescent="0.2">
      <c r="A26" s="11" t="s">
        <v>3</v>
      </c>
      <c r="B26" s="11" t="s">
        <v>501</v>
      </c>
      <c r="C26" s="12" t="s">
        <v>55</v>
      </c>
      <c r="D26" s="11" t="s">
        <v>502</v>
      </c>
      <c r="E26" s="69">
        <v>45976</v>
      </c>
      <c r="F26" s="69">
        <v>45976</v>
      </c>
      <c r="G26" s="50" t="s">
        <v>439</v>
      </c>
      <c r="H26" s="50" t="s">
        <v>440</v>
      </c>
      <c r="I26" s="49" t="s">
        <v>441</v>
      </c>
      <c r="J26" s="50" t="s">
        <v>457</v>
      </c>
      <c r="K26" s="50" t="s">
        <v>61</v>
      </c>
      <c r="L26" s="70" t="s">
        <v>62</v>
      </c>
      <c r="M26" s="50" t="s">
        <v>443</v>
      </c>
      <c r="N26" s="159" t="s">
        <v>503</v>
      </c>
    </row>
    <row r="27" spans="1:14" s="68" customFormat="1" ht="39.6" x14ac:dyDescent="0.2">
      <c r="A27" s="4" t="s">
        <v>1054</v>
      </c>
      <c r="B27" s="96" t="s">
        <v>1061</v>
      </c>
      <c r="C27" s="7" t="s">
        <v>99</v>
      </c>
      <c r="D27" s="4" t="s">
        <v>1062</v>
      </c>
      <c r="E27" s="9">
        <v>45976</v>
      </c>
      <c r="F27" s="9">
        <v>45976</v>
      </c>
      <c r="G27" s="39" t="s">
        <v>1063</v>
      </c>
      <c r="H27" s="39" t="s">
        <v>1058</v>
      </c>
      <c r="I27" s="39" t="s">
        <v>1059</v>
      </c>
      <c r="J27" s="39" t="s">
        <v>60</v>
      </c>
      <c r="K27" s="39" t="s">
        <v>61</v>
      </c>
      <c r="L27" s="10" t="s">
        <v>85</v>
      </c>
      <c r="M27" s="39" t="s">
        <v>1060</v>
      </c>
      <c r="N27" s="160"/>
    </row>
    <row r="28" spans="1:14" s="68" customFormat="1" ht="162" x14ac:dyDescent="0.2">
      <c r="A28" s="11" t="s">
        <v>3</v>
      </c>
      <c r="B28" s="11" t="s">
        <v>504</v>
      </c>
      <c r="C28" s="12" t="s">
        <v>55</v>
      </c>
      <c r="D28" s="11" t="s">
        <v>497</v>
      </c>
      <c r="E28" s="69">
        <v>45977</v>
      </c>
      <c r="F28" s="69">
        <v>45977</v>
      </c>
      <c r="G28" s="50" t="s">
        <v>505</v>
      </c>
      <c r="H28" s="50" t="s">
        <v>472</v>
      </c>
      <c r="I28" s="49" t="s">
        <v>441</v>
      </c>
      <c r="J28" s="50" t="s">
        <v>499</v>
      </c>
      <c r="K28" s="50" t="s">
        <v>70</v>
      </c>
      <c r="L28" s="70" t="s">
        <v>62</v>
      </c>
      <c r="M28" s="50" t="s">
        <v>443</v>
      </c>
      <c r="N28" s="159" t="s">
        <v>506</v>
      </c>
    </row>
    <row r="29" spans="1:14" s="68" customFormat="1" ht="26.4" x14ac:dyDescent="0.2">
      <c r="A29" s="4" t="s">
        <v>1054</v>
      </c>
      <c r="B29" s="95" t="s">
        <v>1064</v>
      </c>
      <c r="C29" s="7" t="s">
        <v>99</v>
      </c>
      <c r="D29" s="4" t="s">
        <v>1065</v>
      </c>
      <c r="E29" s="9">
        <v>45977</v>
      </c>
      <c r="F29" s="9">
        <v>45977</v>
      </c>
      <c r="G29" s="39" t="s">
        <v>1063</v>
      </c>
      <c r="H29" s="39" t="s">
        <v>1058</v>
      </c>
      <c r="I29" s="39" t="s">
        <v>1059</v>
      </c>
      <c r="J29" s="39" t="s">
        <v>60</v>
      </c>
      <c r="K29" s="39" t="s">
        <v>61</v>
      </c>
      <c r="L29" s="10" t="s">
        <v>85</v>
      </c>
      <c r="M29" s="39" t="s">
        <v>1060</v>
      </c>
      <c r="N29" s="160"/>
    </row>
    <row r="30" spans="1:14" s="68" customFormat="1" ht="105.6" x14ac:dyDescent="0.2">
      <c r="A30" s="14" t="s">
        <v>3</v>
      </c>
      <c r="B30" s="31" t="s">
        <v>1864</v>
      </c>
      <c r="C30" s="16" t="s">
        <v>600</v>
      </c>
      <c r="D30" s="31" t="s">
        <v>1865</v>
      </c>
      <c r="E30" s="40" t="s">
        <v>1866</v>
      </c>
      <c r="F30" s="40" t="s">
        <v>1866</v>
      </c>
      <c r="G30" s="13" t="s">
        <v>1861</v>
      </c>
      <c r="H30" s="13" t="s">
        <v>1855</v>
      </c>
      <c r="I30" s="13" t="s">
        <v>1856</v>
      </c>
      <c r="J30" s="13" t="s">
        <v>554</v>
      </c>
      <c r="K30" s="13" t="s">
        <v>61</v>
      </c>
      <c r="L30" s="17" t="s">
        <v>85</v>
      </c>
      <c r="M30" s="13" t="s">
        <v>1857</v>
      </c>
      <c r="N30" s="163" t="s">
        <v>1858</v>
      </c>
    </row>
    <row r="31" spans="1:14" s="68" customFormat="1" ht="105.6" x14ac:dyDescent="0.2">
      <c r="A31" s="14" t="s">
        <v>3</v>
      </c>
      <c r="B31" s="14" t="s">
        <v>1851</v>
      </c>
      <c r="C31" s="16" t="s">
        <v>99</v>
      </c>
      <c r="D31" s="14" t="s">
        <v>1852</v>
      </c>
      <c r="E31" s="38" t="s">
        <v>1853</v>
      </c>
      <c r="F31" s="38" t="s">
        <v>1853</v>
      </c>
      <c r="G31" s="13" t="s">
        <v>1854</v>
      </c>
      <c r="H31" s="13" t="s">
        <v>1855</v>
      </c>
      <c r="I31" s="13" t="s">
        <v>1856</v>
      </c>
      <c r="J31" s="13" t="s">
        <v>115</v>
      </c>
      <c r="K31" s="13" t="s">
        <v>61</v>
      </c>
      <c r="L31" s="17" t="s">
        <v>85</v>
      </c>
      <c r="M31" s="13" t="s">
        <v>1857</v>
      </c>
      <c r="N31" s="163" t="s">
        <v>1858</v>
      </c>
    </row>
    <row r="32" spans="1:14" s="68" customFormat="1" ht="105.6" x14ac:dyDescent="0.2">
      <c r="A32" s="14" t="s">
        <v>3</v>
      </c>
      <c r="B32" s="31" t="s">
        <v>1859</v>
      </c>
      <c r="C32" s="16" t="s">
        <v>600</v>
      </c>
      <c r="D32" s="31" t="s">
        <v>1860</v>
      </c>
      <c r="E32" s="38" t="s">
        <v>1853</v>
      </c>
      <c r="F32" s="38" t="s">
        <v>1853</v>
      </c>
      <c r="G32" s="13" t="s">
        <v>1861</v>
      </c>
      <c r="H32" s="13" t="s">
        <v>1855</v>
      </c>
      <c r="I32" s="13" t="s">
        <v>1856</v>
      </c>
      <c r="J32" s="13" t="s">
        <v>554</v>
      </c>
      <c r="K32" s="13" t="s">
        <v>61</v>
      </c>
      <c r="L32" s="17" t="s">
        <v>85</v>
      </c>
      <c r="M32" s="13" t="s">
        <v>1857</v>
      </c>
      <c r="N32" s="163" t="s">
        <v>1858</v>
      </c>
    </row>
  </sheetData>
  <autoFilter ref="A2:N32"/>
  <mergeCells count="1">
    <mergeCell ref="A1:N1"/>
  </mergeCells>
  <phoneticPr fontId="2"/>
  <dataValidations count="1">
    <dataValidation type="list" allowBlank="1" showInputMessage="1" showErrorMessage="1" sqref="K3:K32">
      <formula1>"有料,無料,その他"</formula1>
    </dataValidation>
  </dataValidations>
  <hyperlinks>
    <hyperlink ref="N3" r:id="rId1"/>
    <hyperlink ref="N4" r:id="rId2"/>
    <hyperlink ref="N5" r:id="rId3"/>
    <hyperlink ref="N6" r:id="rId4"/>
    <hyperlink ref="N7" r:id="rId5"/>
    <hyperlink ref="N8" r:id="rId6"/>
    <hyperlink ref="N10" r:id="rId7"/>
    <hyperlink ref="N11" r:id="rId8"/>
    <hyperlink ref="N12" r:id="rId9"/>
    <hyperlink ref="N13" r:id="rId10"/>
    <hyperlink ref="N14" r:id="rId11"/>
    <hyperlink ref="N15" r:id="rId12"/>
    <hyperlink ref="N16" r:id="rId13"/>
    <hyperlink ref="N17" r:id="rId14"/>
    <hyperlink ref="N20" r:id="rId15"/>
    <hyperlink ref="N21" r:id="rId16"/>
    <hyperlink ref="N22" r:id="rId17"/>
    <hyperlink ref="N23" r:id="rId18"/>
    <hyperlink ref="N24" r:id="rId19"/>
    <hyperlink ref="N26" r:id="rId20"/>
    <hyperlink ref="N28" r:id="rId21"/>
    <hyperlink ref="N30" r:id="rId22"/>
    <hyperlink ref="N31" r:id="rId23"/>
    <hyperlink ref="N32" r:id="rId24"/>
    <hyperlink ref="N19" r:id="rId25"/>
  </hyperlinks>
  <pageMargins left="0.23622047244094491" right="0.23622047244094491" top="0.74803149606299213" bottom="0.74803149606299213" header="0.31496062992125984" footer="0.31496062992125984"/>
  <pageSetup paperSize="9" scale="50" fitToHeight="0" orientation="portrait" r:id="rId26"/>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9</vt:i4>
      </vt:variant>
      <vt:variant>
        <vt:lpstr>名前付き一覧</vt:lpstr>
      </vt:variant>
      <vt:variant>
        <vt:i4>2</vt:i4>
      </vt:variant>
    </vt:vector>
  </HeadingPairs>
  <TitlesOfParts>
    <vt:vector size="31" baseType="lpstr">
      <vt:lpstr>教育イベント一覧</vt:lpstr>
      <vt:lpstr>横浜市</vt:lpstr>
      <vt:lpstr>川崎市</vt:lpstr>
      <vt:lpstr>相模原市</vt:lpstr>
      <vt:lpstr>横須賀市</vt:lpstr>
      <vt:lpstr>平塚市</vt:lpstr>
      <vt:lpstr>鎌倉市</vt:lpstr>
      <vt:lpstr>藤沢市</vt:lpstr>
      <vt:lpstr>小田原市</vt:lpstr>
      <vt:lpstr>茅ヶ崎市</vt:lpstr>
      <vt:lpstr>逗子市</vt:lpstr>
      <vt:lpstr>三浦市</vt:lpstr>
      <vt:lpstr>厚木市</vt:lpstr>
      <vt:lpstr>大和市</vt:lpstr>
      <vt:lpstr>伊勢原市</vt:lpstr>
      <vt:lpstr>海老名市</vt:lpstr>
      <vt:lpstr>座間市</vt:lpstr>
      <vt:lpstr>南足柄市</vt:lpstr>
      <vt:lpstr>綾瀬市</vt:lpstr>
      <vt:lpstr>葉山町</vt:lpstr>
      <vt:lpstr>寒川町</vt:lpstr>
      <vt:lpstr>大磯町</vt:lpstr>
      <vt:lpstr>大井町</vt:lpstr>
      <vt:lpstr>山北町</vt:lpstr>
      <vt:lpstr>箱根町</vt:lpstr>
      <vt:lpstr>真鶴町</vt:lpstr>
      <vt:lpstr>湯河原町</vt:lpstr>
      <vt:lpstr>愛川町</vt:lpstr>
      <vt:lpstr>県内全域</vt:lpstr>
      <vt:lpstr>横浜市!Print_Titles</vt:lpstr>
      <vt:lpstr>教育イベント一覧!Print_Titles</vt:lpstr>
    </vt:vector>
  </TitlesOfParts>
  <Company>文部科学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t-takase</dc:creator>
  <cp:lastModifiedBy>総務室　石丸</cp:lastModifiedBy>
  <cp:lastPrinted>2025-09-05T02:12:32Z</cp:lastPrinted>
  <dcterms:created xsi:type="dcterms:W3CDTF">2010-07-13T06:12:29Z</dcterms:created>
  <dcterms:modified xsi:type="dcterms:W3CDTF">2025-09-05T02:30:29Z</dcterms:modified>
</cp:coreProperties>
</file>